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生活介護・共生型生活介護" sheetId="1" r:id="rId1"/>
  </sheets>
  <definedNames>
    <definedName name="_xlnm.Print_Area" localSheetId="0">生活介護・共生型生活介護!$A$1:$J$244</definedName>
  </definedNames>
  <calcPr calcId="162913"/>
</workbook>
</file>

<file path=xl/sharedStrings.xml><?xml version="1.0" encoding="utf-8"?>
<sst xmlns="http://schemas.openxmlformats.org/spreadsheetml/2006/main" count="368" uniqueCount="176">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t>
    <phoneticPr fontId="2"/>
  </si>
  <si>
    <t>ＴＥＬ</t>
    <phoneticPr fontId="2"/>
  </si>
  <si>
    <t>ＦＡＸ</t>
    <phoneticPr fontId="2"/>
  </si>
  <si>
    <t>　　の氏名</t>
    <phoneticPr fontId="2"/>
  </si>
  <si>
    <t>兼務</t>
    <rPh sb="0" eb="2">
      <t>ケンム</t>
    </rPh>
    <phoneticPr fontId="2"/>
  </si>
  <si>
    <t>名称</t>
    <rPh sb="0" eb="2">
      <t>メイショウ</t>
    </rPh>
    <phoneticPr fontId="2"/>
  </si>
  <si>
    <t>診療科名</t>
    <rPh sb="0" eb="2">
      <t>シンリョウ</t>
    </rPh>
    <rPh sb="2" eb="3">
      <t>カ</t>
    </rPh>
    <rPh sb="3" eb="4">
      <t>ナ</t>
    </rPh>
    <phoneticPr fontId="2"/>
  </si>
  <si>
    <t>単位ごとの定員</t>
    <rPh sb="0" eb="2">
      <t>タンイ</t>
    </rPh>
    <rPh sb="5" eb="7">
      <t>テイイン</t>
    </rPh>
    <phoneticPr fontId="2"/>
  </si>
  <si>
    <t>はい</t>
  </si>
  <si>
    <t>いいえ</t>
  </si>
  <si>
    <t>あり</t>
  </si>
  <si>
    <t>なし</t>
  </si>
  <si>
    <t>）</t>
    <phoneticPr fontId="2"/>
  </si>
  <si>
    <t>【単位１】</t>
    <rPh sb="1" eb="3">
      <t>タンイ</t>
    </rPh>
    <phoneticPr fontId="2"/>
  </si>
  <si>
    <t>【単位２】</t>
    <rPh sb="1" eb="3">
      <t>タンイ</t>
    </rPh>
    <phoneticPr fontId="2"/>
  </si>
  <si>
    <t>避難階段</t>
    <rPh sb="0" eb="2">
      <t>ヒナン</t>
    </rPh>
    <rPh sb="2" eb="4">
      <t>カイダン</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設置義務</t>
    <rPh sb="0" eb="2">
      <t>セッチ</t>
    </rPh>
    <rPh sb="2" eb="4">
      <t>ギム</t>
    </rPh>
    <phoneticPr fontId="2"/>
  </si>
  <si>
    <t>有・無</t>
    <rPh sb="0" eb="1">
      <t>ア</t>
    </rPh>
    <rPh sb="2" eb="3">
      <t>ム</t>
    </rPh>
    <phoneticPr fontId="2"/>
  </si>
  <si>
    <t>有</t>
    <rPh sb="0" eb="1">
      <t>ア</t>
    </rPh>
    <phoneticPr fontId="2"/>
  </si>
  <si>
    <t>　適　・　不適</t>
    <rPh sb="1" eb="7">
      <t>テキフテキ</t>
    </rPh>
    <phoneticPr fontId="4"/>
  </si>
  <si>
    <t>　有　・　無</t>
    <rPh sb="1" eb="6">
      <t>ウム</t>
    </rPh>
    <phoneticPr fontId="4"/>
  </si>
  <si>
    <t>　　　　　　　　　個</t>
    <rPh sb="9" eb="10">
      <t>コ</t>
    </rPh>
    <phoneticPr fontId="2"/>
  </si>
  <si>
    <t>施設・設備</t>
    <rPh sb="0" eb="2">
      <t>シセツ</t>
    </rPh>
    <rPh sb="3" eb="5">
      <t>セツビ</t>
    </rPh>
    <phoneticPr fontId="3"/>
  </si>
  <si>
    <t>　有（　　ヵ所）　・　無</t>
    <rPh sb="1" eb="2">
      <t>ユウ</t>
    </rPh>
    <rPh sb="6" eb="7">
      <t>ショ</t>
    </rPh>
    <rPh sb="11" eb="12">
      <t>ム</t>
    </rPh>
    <phoneticPr fontId="4"/>
  </si>
  <si>
    <t>防火設備</t>
    <rPh sb="0" eb="2">
      <t>ボウカ</t>
    </rPh>
    <rPh sb="2" eb="4">
      <t>セツビ</t>
    </rPh>
    <phoneticPr fontId="2"/>
  </si>
  <si>
    <t>消防用設備</t>
    <rPh sb="0" eb="2">
      <t>ショウボウ</t>
    </rPh>
    <rPh sb="2" eb="3">
      <t>ヨウ</t>
    </rPh>
    <rPh sb="3" eb="5">
      <t>セツビ</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あり（　Ⅰ・Ⅱ・Ⅲ　）</t>
    <phoneticPr fontId="2"/>
  </si>
  <si>
    <t>あり</t>
    <phoneticPr fontId="2"/>
  </si>
  <si>
    <t>なし</t>
    <phoneticPr fontId="2"/>
  </si>
  <si>
    <t>現状</t>
    <rPh sb="0" eb="2">
      <t>ゲンジョウ</t>
    </rPh>
    <phoneticPr fontId="2"/>
  </si>
  <si>
    <t>　(1) 人員配置体制加算</t>
    <rPh sb="5" eb="7">
      <t>ジンイン</t>
    </rPh>
    <rPh sb="7" eb="9">
      <t>ハイチ</t>
    </rPh>
    <rPh sb="9" eb="11">
      <t>タイセイ</t>
    </rPh>
    <phoneticPr fontId="2"/>
  </si>
  <si>
    <t>　(2) 福祉専門職員配置等加算</t>
    <rPh sb="5" eb="7">
      <t>フクシ</t>
    </rPh>
    <rPh sb="7" eb="9">
      <t>センモン</t>
    </rPh>
    <rPh sb="9" eb="11">
      <t>ショクイン</t>
    </rPh>
    <rPh sb="11" eb="13">
      <t>ハイチ</t>
    </rPh>
    <rPh sb="13" eb="14">
      <t>ナド</t>
    </rPh>
    <rPh sb="14" eb="16">
      <t>カサ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医師</t>
    <rPh sb="0" eb="2">
      <t>イシ</t>
    </rPh>
    <phoneticPr fontId="2"/>
  </si>
  <si>
    <t>生活支援員</t>
    <rPh sb="0" eb="2">
      <t>セイカツ</t>
    </rPh>
    <rPh sb="2" eb="4">
      <t>シエン</t>
    </rPh>
    <rPh sb="4" eb="5">
      <t>イン</t>
    </rPh>
    <phoneticPr fontId="2"/>
  </si>
  <si>
    <t>理学療法士</t>
    <rPh sb="0" eb="2">
      <t>リガク</t>
    </rPh>
    <rPh sb="2" eb="5">
      <t>リョウホウシ</t>
    </rPh>
    <phoneticPr fontId="2"/>
  </si>
  <si>
    <t>作業療法士</t>
    <rPh sb="0" eb="2">
      <t>サギョウ</t>
    </rPh>
    <rPh sb="2" eb="5">
      <t>リョウホウシ</t>
    </rPh>
    <phoneticPr fontId="2"/>
  </si>
  <si>
    <t>人</t>
    <rPh sb="0" eb="1">
      <t>ヒト</t>
    </rPh>
    <phoneticPr fontId="2"/>
  </si>
  <si>
    <t>内訳</t>
    <rPh sb="0" eb="2">
      <t>ウチワケ</t>
    </rPh>
    <phoneticPr fontId="2"/>
  </si>
  <si>
    <t>人（常勤</t>
    <rPh sb="0" eb="1">
      <t>ヒト</t>
    </rPh>
    <rPh sb="2" eb="4">
      <t>ジョウキン</t>
    </rPh>
    <phoneticPr fontId="2"/>
  </si>
  <si>
    <t xml:space="preserve">      人</t>
    <rPh sb="6" eb="7">
      <t>ヒト</t>
    </rPh>
    <phoneticPr fontId="2"/>
  </si>
  <si>
    <t>非常勤</t>
    <rPh sb="0" eb="3">
      <t>ヒジョウキン</t>
    </rPh>
    <phoneticPr fontId="2"/>
  </si>
  <si>
    <t>看護職員</t>
    <rPh sb="0" eb="2">
      <t>カンゴ</t>
    </rPh>
    <rPh sb="2" eb="4">
      <t>ショクイン</t>
    </rPh>
    <phoneticPr fontId="2"/>
  </si>
  <si>
    <t>　(1) 地方公共団体が設置する指定生活介護事業所</t>
    <rPh sb="5" eb="7">
      <t>チホウ</t>
    </rPh>
    <rPh sb="7" eb="9">
      <t>コウキョウ</t>
    </rPh>
    <rPh sb="9" eb="11">
      <t>ダンタイ</t>
    </rPh>
    <rPh sb="12" eb="14">
      <t>セッチ</t>
    </rPh>
    <rPh sb="16" eb="18">
      <t>シテイ</t>
    </rPh>
    <rPh sb="18" eb="20">
      <t>セイカツ</t>
    </rPh>
    <rPh sb="20" eb="22">
      <t>カイゴ</t>
    </rPh>
    <rPh sb="22" eb="24">
      <t>ジギョウ</t>
    </rPh>
    <rPh sb="24" eb="25">
      <t>ショ</t>
    </rPh>
    <phoneticPr fontId="2"/>
  </si>
  <si>
    <t>　　による減算</t>
    <phoneticPr fontId="2"/>
  </si>
  <si>
    <t>　(3) 看護職員、理学療法士もしくは作業療法士、</t>
    <rPh sb="5" eb="7">
      <t>カンゴ</t>
    </rPh>
    <rPh sb="7" eb="9">
      <t>ショクイン</t>
    </rPh>
    <rPh sb="10" eb="12">
      <t>リガク</t>
    </rPh>
    <rPh sb="12" eb="15">
      <t>リョウホウシ</t>
    </rPh>
    <rPh sb="19" eb="21">
      <t>サギョウ</t>
    </rPh>
    <rPh sb="21" eb="24">
      <t>リョウホウシ</t>
    </rPh>
    <phoneticPr fontId="2"/>
  </si>
  <si>
    <t>　　生活支援員又はサービス管理責任者の員数が基</t>
    <rPh sb="19" eb="21">
      <t>インスウ</t>
    </rPh>
    <rPh sb="22" eb="23">
      <t>モト</t>
    </rPh>
    <phoneticPr fontId="2"/>
  </si>
  <si>
    <t>　　準に満たない場合による減算</t>
    <phoneticPr fontId="2"/>
  </si>
  <si>
    <t>　　減算</t>
    <phoneticPr fontId="2"/>
  </si>
  <si>
    <t>　載してください。</t>
    <phoneticPr fontId="2"/>
  </si>
  <si>
    <t>　年　月　日</t>
    <rPh sb="1" eb="2">
      <t>ネン</t>
    </rPh>
    <rPh sb="3" eb="4">
      <t>ガツ</t>
    </rPh>
    <rPh sb="5" eb="6">
      <t>ニチ</t>
    </rPh>
    <phoneticPr fontId="2"/>
  </si>
  <si>
    <t xml:space="preserve">      人</t>
    <rPh sb="6" eb="7">
      <t>ニン</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防火戸・防火シャッター</t>
    <rPh sb="0" eb="2">
      <t>ボウカ</t>
    </rPh>
    <rPh sb="2" eb="3">
      <t>ト</t>
    </rPh>
    <rPh sb="4" eb="6">
      <t>ボウカ</t>
    </rPh>
    <phoneticPr fontId="2"/>
  </si>
  <si>
    <t>　(4) 視覚・聴覚言語障害者支援体制加算</t>
    <phoneticPr fontId="2"/>
  </si>
  <si>
    <t>　(2) 以下(1)で「はい」と答えた事業所のみ回答</t>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　　100分の60以上である場合の送迎の追加加算　</t>
    <rPh sb="5" eb="6">
      <t>ブン</t>
    </rPh>
    <rPh sb="9" eb="11">
      <t>イジョウ</t>
    </rPh>
    <rPh sb="14" eb="16">
      <t>バアイ</t>
    </rPh>
    <rPh sb="17" eb="19">
      <t>ソウゲイ</t>
    </rPh>
    <rPh sb="20" eb="22">
      <t>ツイカ</t>
    </rPh>
    <rPh sb="22" eb="24">
      <t>カサン</t>
    </rPh>
    <phoneticPr fontId="2"/>
  </si>
  <si>
    <t>あり</t>
    <phoneticPr fontId="2"/>
  </si>
  <si>
    <t>　　行った場合の減算</t>
    <rPh sb="2" eb="3">
      <t>オコナ</t>
    </rPh>
    <rPh sb="5" eb="7">
      <t>バアイ</t>
    </rPh>
    <rPh sb="8" eb="10">
      <t>ゲンサン</t>
    </rPh>
    <phoneticPr fontId="2"/>
  </si>
  <si>
    <t>あり（Ⅰ・Ⅱ）</t>
    <phoneticPr fontId="2"/>
  </si>
  <si>
    <t>なし</t>
    <phoneticPr fontId="2"/>
  </si>
  <si>
    <t>　(3) 常勤看護職員等配置加算</t>
    <rPh sb="5" eb="7">
      <t>ジョウキン</t>
    </rPh>
    <rPh sb="7" eb="9">
      <t>カンゴ</t>
    </rPh>
    <rPh sb="9" eb="11">
      <t>ショクイン</t>
    </rPh>
    <rPh sb="11" eb="12">
      <t>トウ</t>
    </rPh>
    <rPh sb="12" eb="14">
      <t>ハイチ</t>
    </rPh>
    <rPh sb="14" eb="16">
      <t>カサン</t>
    </rPh>
    <phoneticPr fontId="2"/>
  </si>
  <si>
    <t>　★　次の資料を添付し、提出してください。</t>
    <rPh sb="3" eb="4">
      <t>ツギ</t>
    </rPh>
    <rPh sb="5" eb="7">
      <t>シリョウ</t>
    </rPh>
    <rPh sb="8" eb="10">
      <t>テンプ</t>
    </rPh>
    <rPh sb="12" eb="14">
      <t>テイシュツ</t>
    </rPh>
    <phoneticPr fontId="2"/>
  </si>
  <si>
    <t>○</t>
    <phoneticPr fontId="2"/>
  </si>
  <si>
    <t>契約書（様式）</t>
    <rPh sb="0" eb="3">
      <t>ケイヤクショ</t>
    </rPh>
    <rPh sb="4" eb="6">
      <t>ヨウシキ</t>
    </rPh>
    <phoneticPr fontId="2"/>
  </si>
  <si>
    <t>○</t>
    <phoneticPr fontId="2"/>
  </si>
  <si>
    <t>重要事項説明書</t>
    <rPh sb="0" eb="2">
      <t>ジュウヨウ</t>
    </rPh>
    <rPh sb="2" eb="4">
      <t>ジコウ</t>
    </rPh>
    <rPh sb="4" eb="7">
      <t>セツメイショ</t>
    </rPh>
    <phoneticPr fontId="2"/>
  </si>
  <si>
    <t>運営規程</t>
    <rPh sb="0" eb="2">
      <t>ウンエイ</t>
    </rPh>
    <rPh sb="2" eb="4">
      <t>キテイ</t>
    </rPh>
    <phoneticPr fontId="2"/>
  </si>
  <si>
    <t>生活介護計画（氏名等個人を特定するものは消してください。）</t>
    <rPh sb="0" eb="2">
      <t>セイカツ</t>
    </rPh>
    <rPh sb="2" eb="4">
      <t>カイゴ</t>
    </rPh>
    <rPh sb="4" eb="6">
      <t>ケイカク</t>
    </rPh>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　　   年   月   日記載）</t>
    <rPh sb="6" eb="7">
      <t>ネン</t>
    </rPh>
    <rPh sb="10" eb="11">
      <t>ガツ</t>
    </rPh>
    <rPh sb="14" eb="15">
      <t>ニチ</t>
    </rPh>
    <rPh sb="15" eb="17">
      <t>キサイ</t>
    </rPh>
    <phoneticPr fontId="2"/>
  </si>
  <si>
    <t>【生活介護・共生型生活介護】</t>
    <rPh sb="1" eb="3">
      <t>セイカツ</t>
    </rPh>
    <rPh sb="6" eb="9">
      <t>キョウセイガタ</t>
    </rPh>
    <rPh sb="9" eb="11">
      <t>セイカツ</t>
    </rPh>
    <rPh sb="11" eb="13">
      <t>カイゴ</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等</t>
    <rPh sb="2" eb="4">
      <t>テイイン</t>
    </rPh>
    <rPh sb="4" eb="5">
      <t>トウ</t>
    </rPh>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　　</t>
    <phoneticPr fontId="2"/>
  </si>
  <si>
    <t>　(2) 利用者の数が利用定員を超える場合による減算</t>
    <rPh sb="5" eb="8">
      <t>リヨウシャ</t>
    </rPh>
    <rPh sb="9" eb="10">
      <t>カズ</t>
    </rPh>
    <rPh sb="11" eb="13">
      <t>リヨウ</t>
    </rPh>
    <rPh sb="13" eb="15">
      <t>テイイン</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5) 高次脳機能障害者支援体制加算</t>
    <phoneticPr fontId="2"/>
  </si>
  <si>
    <t>　(13) 緊急時受入加算</t>
    <rPh sb="6" eb="9">
      <t>キンキュウジ</t>
    </rPh>
    <rPh sb="9" eb="11">
      <t>ウケイレ</t>
    </rPh>
    <rPh sb="11" eb="13">
      <t>カ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あり（　Ⅰ・Ⅱ・Ⅲ・Ⅳ）</t>
    <phoneticPr fontId="2"/>
  </si>
  <si>
    <t>あり（　Ⅰ・Ⅱ）</t>
    <phoneticPr fontId="2"/>
  </si>
  <si>
    <t>　(6) 初期加算</t>
    <phoneticPr fontId="2"/>
  </si>
  <si>
    <t>　(7) 訪問支援特別加算</t>
    <rPh sb="5" eb="7">
      <t>ホウモン</t>
    </rPh>
    <rPh sb="7" eb="9">
      <t>シエン</t>
    </rPh>
    <rPh sb="9" eb="11">
      <t>トクベツ</t>
    </rPh>
    <phoneticPr fontId="2"/>
  </si>
  <si>
    <t>　(8) 欠席時対応加算</t>
    <rPh sb="5" eb="7">
      <t>ケッセキ</t>
    </rPh>
    <rPh sb="7" eb="8">
      <t>ジ</t>
    </rPh>
    <rPh sb="8" eb="10">
      <t>タイオウ</t>
    </rPh>
    <rPh sb="10" eb="12">
      <t>カサン</t>
    </rPh>
    <phoneticPr fontId="2"/>
  </si>
  <si>
    <t>　(9) 重度障害者支援加算</t>
    <rPh sb="5" eb="7">
      <t>ジュウド</t>
    </rPh>
    <rPh sb="7" eb="10">
      <t>ショウガイシャ</t>
    </rPh>
    <rPh sb="10" eb="12">
      <t>シエン</t>
    </rPh>
    <rPh sb="12" eb="14">
      <t>カサン</t>
    </rPh>
    <phoneticPr fontId="2"/>
  </si>
  <si>
    <t>あり（Ⅰ・Ⅱ・Ⅲ）</t>
    <phoneticPr fontId="2"/>
  </si>
  <si>
    <t xml:space="preserve">  (10) リハビリテーション加算</t>
    <rPh sb="16" eb="18">
      <t>カサン</t>
    </rPh>
    <phoneticPr fontId="2"/>
  </si>
  <si>
    <t>　(11) 利用者負担上限額管理加算</t>
    <phoneticPr fontId="2"/>
  </si>
  <si>
    <t>　(12) 食事提供体制加算</t>
    <rPh sb="6" eb="8">
      <t>ショクジ</t>
    </rPh>
    <rPh sb="8" eb="10">
      <t>テイキョウ</t>
    </rPh>
    <rPh sb="10" eb="12">
      <t>タイセイ</t>
    </rPh>
    <phoneticPr fontId="2"/>
  </si>
  <si>
    <t>　ルアドレスを登録してありますか。</t>
    <rPh sb="7" eb="9">
      <t>トウロク</t>
    </rPh>
    <phoneticPr fontId="2"/>
  </si>
  <si>
    <t>20　障害福祉情報サービスかながわに事業所のメー</t>
    <rPh sb="3" eb="5">
      <t>ショウガイ</t>
    </rPh>
    <rPh sb="5" eb="7">
      <t>フクシ</t>
    </rPh>
    <rPh sb="7" eb="9">
      <t>ジョウホウ</t>
    </rPh>
    <rPh sb="18" eb="20">
      <t>ジギョウ</t>
    </rPh>
    <rPh sb="20" eb="21">
      <t>ショ</t>
    </rPh>
    <phoneticPr fontId="2"/>
  </si>
  <si>
    <t>　(4)サービス管理責任者の員数が基準に満たない</t>
    <rPh sb="8" eb="10">
      <t>カンリ</t>
    </rPh>
    <rPh sb="10" eb="12">
      <t>セキニン</t>
    </rPh>
    <rPh sb="12" eb="13">
      <t>シャ</t>
    </rPh>
    <rPh sb="14" eb="16">
      <t>インスウ</t>
    </rPh>
    <rPh sb="17" eb="19">
      <t>キジュン</t>
    </rPh>
    <rPh sb="20" eb="21">
      <t>ミ</t>
    </rPh>
    <phoneticPr fontId="2"/>
  </si>
  <si>
    <t>　　　場合による減算</t>
    <phoneticPr fontId="2"/>
  </si>
  <si>
    <t>あり(Ⅰ・Ⅱ・Ⅲ・Ⅳ)</t>
    <phoneticPr fontId="2"/>
  </si>
  <si>
    <t>　(5) 生活介護計画が作成されていない場合による</t>
    <rPh sb="5" eb="7">
      <t>セイカツ</t>
    </rPh>
    <rPh sb="7" eb="9">
      <t>カイゴ</t>
    </rPh>
    <rPh sb="9" eb="11">
      <t>ケイカク</t>
    </rPh>
    <rPh sb="12" eb="14">
      <t>サクセイ</t>
    </rPh>
    <rPh sb="20" eb="22">
      <t>バアイ</t>
    </rPh>
    <phoneticPr fontId="2"/>
  </si>
  <si>
    <t>　(6) 開所時間減算</t>
    <rPh sb="5" eb="7">
      <t>カイショ</t>
    </rPh>
    <rPh sb="7" eb="9">
      <t>ジカン</t>
    </rPh>
    <rPh sb="9" eb="10">
      <t>ゲン</t>
    </rPh>
    <rPh sb="10" eb="11">
      <t>サン</t>
    </rPh>
    <phoneticPr fontId="2"/>
  </si>
  <si>
    <t>　(7) 定員81人以上の事業所減算</t>
    <rPh sb="5" eb="7">
      <t>テイイン</t>
    </rPh>
    <rPh sb="9" eb="10">
      <t>ニン</t>
    </rPh>
    <rPh sb="10" eb="12">
      <t>イジョウ</t>
    </rPh>
    <rPh sb="13" eb="16">
      <t>ジギョウショ</t>
    </rPh>
    <rPh sb="16" eb="17">
      <t>ゲン</t>
    </rPh>
    <rPh sb="17" eb="18">
      <t>サン</t>
    </rPh>
    <phoneticPr fontId="2"/>
  </si>
  <si>
    <t>　(8) 医師配置が無い場合の減算</t>
    <rPh sb="5" eb="7">
      <t>イシ</t>
    </rPh>
    <rPh sb="7" eb="9">
      <t>ハイチ</t>
    </rPh>
    <rPh sb="10" eb="11">
      <t>ナ</t>
    </rPh>
    <rPh sb="12" eb="14">
      <t>バアイ</t>
    </rPh>
    <rPh sb="15" eb="17">
      <t>ゲンサン</t>
    </rPh>
    <phoneticPr fontId="2"/>
  </si>
  <si>
    <t>　(9) 短時間利用減算</t>
    <rPh sb="4" eb="7">
      <t>タンジカン</t>
    </rPh>
    <rPh sb="7" eb="9">
      <t>リヨウ</t>
    </rPh>
    <rPh sb="9" eb="11">
      <t>ゲンサン</t>
    </rPh>
    <phoneticPr fontId="2"/>
  </si>
  <si>
    <t>　(10) 同一敷地内または隣接する敷地内で送迎を</t>
    <rPh sb="6" eb="8">
      <t>ドウイツ</t>
    </rPh>
    <rPh sb="8" eb="10">
      <t>シキチ</t>
    </rPh>
    <rPh sb="10" eb="11">
      <t>ナイ</t>
    </rPh>
    <rPh sb="14" eb="16">
      <t>リンセツ</t>
    </rPh>
    <rPh sb="18" eb="20">
      <t>シキチ</t>
    </rPh>
    <rPh sb="20" eb="21">
      <t>ナイ</t>
    </rPh>
    <rPh sb="22" eb="24">
      <t>ソウゲイ</t>
    </rPh>
    <phoneticPr fontId="2"/>
  </si>
  <si>
    <t>　(11) 身体拘束廃止未実施減算</t>
    <phoneticPr fontId="2"/>
  </si>
  <si>
    <t xml:space="preserve">  (12) 虐待防止措置未実施減算</t>
    <rPh sb="7" eb="9">
      <t>ギャクタイ</t>
    </rPh>
    <rPh sb="9" eb="11">
      <t>ボウシ</t>
    </rPh>
    <rPh sb="11" eb="13">
      <t>ソチ</t>
    </rPh>
    <phoneticPr fontId="2"/>
  </si>
  <si>
    <t xml:space="preserve">  (13) 業務継続計画未策定減算</t>
    <rPh sb="16" eb="18">
      <t>ゲンサン</t>
    </rPh>
    <phoneticPr fontId="2"/>
  </si>
  <si>
    <t xml:space="preserve">  (14) 情報公表未報告減算</t>
    <rPh sb="7" eb="9">
      <t>ジョウホウ</t>
    </rPh>
    <rPh sb="9" eb="11">
      <t>コウヒョウ</t>
    </rPh>
    <rPh sb="11" eb="14">
      <t>ミホウコク</t>
    </rPh>
    <rPh sb="14" eb="16">
      <t>ゲンサン</t>
    </rPh>
    <phoneticPr fontId="2"/>
  </si>
  <si>
    <t>13　運営指導前月までの過去12ヶ月における各月の最も利用者数の多い日及び利用者数を記</t>
    <rPh sb="3" eb="5">
      <t>ウンエイ</t>
    </rPh>
    <rPh sb="35" eb="36">
      <t>オヨ</t>
    </rPh>
    <phoneticPr fontId="2"/>
  </si>
  <si>
    <t>14　運営指導前月までの過去12ヶ月における月別延べ利用者数及び開所日数を記載してくだ</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今年度指定障害福祉サービス事業所等自己点検シート【生活介護　共生型生活介護】（運営編）</t>
    <rPh sb="0" eb="3">
      <t>コンネンド</t>
    </rPh>
    <rPh sb="25" eb="27">
      <t>セイカツ</t>
    </rPh>
    <rPh sb="27" eb="29">
      <t>カイゴ</t>
    </rPh>
    <rPh sb="30" eb="33">
      <t>キョウセイガタ</t>
    </rPh>
    <rPh sb="33" eb="35">
      <t>セイカツ</t>
    </rPh>
    <rPh sb="35" eb="37">
      <t>カイゴ</t>
    </rPh>
    <rPh sb="39" eb="41">
      <t>ウンエイ</t>
    </rPh>
    <rPh sb="41" eb="42">
      <t>ヘン</t>
    </rPh>
    <phoneticPr fontId="2"/>
  </si>
  <si>
    <t>今年度指定障害福祉サービス事業所等自己点検シート【生活介護　共生型生活介護】（報酬編）</t>
    <rPh sb="0" eb="3">
      <t>コンネンド</t>
    </rPh>
    <rPh sb="25" eb="27">
      <t>セイカツ</t>
    </rPh>
    <rPh sb="27" eb="29">
      <t>カイゴ</t>
    </rPh>
    <rPh sb="30" eb="37">
      <t>キョウセイガタセイカツカイゴ</t>
    </rPh>
    <rPh sb="39" eb="41">
      <t>ホウシュウ</t>
    </rPh>
    <rPh sb="41" eb="42">
      <t>ヘン</t>
    </rPh>
    <phoneticPr fontId="2"/>
  </si>
  <si>
    <t>　(14) 延長支援加算</t>
    <rPh sb="6" eb="8">
      <t>エンチョウ</t>
    </rPh>
    <rPh sb="8" eb="10">
      <t>シエン</t>
    </rPh>
    <rPh sb="10" eb="12">
      <t>カサン</t>
    </rPh>
    <phoneticPr fontId="2"/>
  </si>
  <si>
    <t>　(15) 送迎加算</t>
    <rPh sb="6" eb="8">
      <t>ソウゲイ</t>
    </rPh>
    <rPh sb="8" eb="10">
      <t>カサン</t>
    </rPh>
    <phoneticPr fontId="2"/>
  </si>
  <si>
    <t>　(16) 区分５、６に該当する者、これに準ずる者が</t>
    <rPh sb="6" eb="8">
      <t>クブン</t>
    </rPh>
    <rPh sb="12" eb="14">
      <t>ガイトウ</t>
    </rPh>
    <rPh sb="16" eb="17">
      <t>モノ</t>
    </rPh>
    <rPh sb="21" eb="22">
      <t>ジュン</t>
    </rPh>
    <rPh sb="24" eb="25">
      <t>モノ</t>
    </rPh>
    <phoneticPr fontId="2"/>
  </si>
  <si>
    <t xml:space="preserve">  (17) 障害福祉サービスの体験利用支援加算</t>
    <rPh sb="7" eb="9">
      <t>ショウガイ</t>
    </rPh>
    <rPh sb="9" eb="11">
      <t>フクシ</t>
    </rPh>
    <rPh sb="16" eb="18">
      <t>タイケン</t>
    </rPh>
    <rPh sb="18" eb="20">
      <t>リヨウ</t>
    </rPh>
    <rPh sb="20" eb="22">
      <t>シエン</t>
    </rPh>
    <rPh sb="22" eb="24">
      <t>カサン</t>
    </rPh>
    <phoneticPr fontId="2"/>
  </si>
  <si>
    <t>　(18) 就労移行支援体制加算</t>
    <rPh sb="6" eb="8">
      <t>シュウロウ</t>
    </rPh>
    <rPh sb="8" eb="10">
      <t>イコウ</t>
    </rPh>
    <rPh sb="10" eb="12">
      <t>シエン</t>
    </rPh>
    <rPh sb="12" eb="14">
      <t>タイセイ</t>
    </rPh>
    <rPh sb="14" eb="16">
      <t>カサン</t>
    </rPh>
    <phoneticPr fontId="2"/>
  </si>
  <si>
    <t>　(19) 入浴支援加算</t>
    <phoneticPr fontId="2"/>
  </si>
  <si>
    <t>　(20) 喀痰吸引等実施加算</t>
    <phoneticPr fontId="2"/>
  </si>
  <si>
    <t>　(21) 栄養スクリーニング加算</t>
    <phoneticPr fontId="2"/>
  </si>
  <si>
    <t>　(22) 栄養改善加算</t>
    <phoneticPr fontId="2"/>
  </si>
  <si>
    <t>　(23) 集中的支援加算</t>
    <phoneticPr fontId="2"/>
  </si>
  <si>
    <t xml:space="preserve"> （24）サービス管理責任者配置等加算</t>
    <rPh sb="9" eb="11">
      <t>カンリ</t>
    </rPh>
    <rPh sb="11" eb="13">
      <t>セキニン</t>
    </rPh>
    <rPh sb="13" eb="14">
      <t>シャ</t>
    </rPh>
    <rPh sb="14" eb="16">
      <t>ハイチ</t>
    </rPh>
    <rPh sb="16" eb="17">
      <t>トウ</t>
    </rPh>
    <rPh sb="17" eb="19">
      <t>カサン</t>
    </rPh>
    <phoneticPr fontId="2"/>
  </si>
  <si>
    <t xml:space="preserve">  (25)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11"/>
      <color theme="1"/>
      <name val="ＭＳ Ｐゴシック"/>
      <family val="3"/>
      <charset val="128"/>
    </font>
    <font>
      <sz val="12"/>
      <color theme="1"/>
      <name val="ＭＳ Ｐゴシック"/>
      <family val="3"/>
      <charset val="128"/>
    </font>
    <font>
      <sz val="10"/>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10" applyNumberFormat="0" applyAlignment="0" applyProtection="0">
      <alignment vertical="center"/>
    </xf>
    <xf numFmtId="0" fontId="11" fillId="29" borderId="0" applyNumberFormat="0" applyBorder="0" applyAlignment="0" applyProtection="0">
      <alignment vertical="center"/>
    </xf>
    <xf numFmtId="0" fontId="1" fillId="2" borderId="11" applyNumberFormat="0" applyFont="0" applyAlignment="0" applyProtection="0">
      <alignment vertical="center"/>
    </xf>
    <xf numFmtId="0" fontId="12" fillId="0" borderId="12" applyNumberFormat="0" applyFill="0" applyAlignment="0" applyProtection="0">
      <alignment vertical="center"/>
    </xf>
    <xf numFmtId="0" fontId="13" fillId="30" borderId="0" applyNumberFormat="0" applyBorder="0" applyAlignment="0" applyProtection="0">
      <alignment vertical="center"/>
    </xf>
    <xf numFmtId="0" fontId="14" fillId="31" borderId="13" applyNumberFormat="0" applyAlignment="0" applyProtection="0">
      <alignment vertical="center"/>
    </xf>
    <xf numFmtId="0" fontId="8" fillId="0" borderId="0" applyNumberFormat="0" applyFill="0" applyBorder="0" applyAlignment="0" applyProtection="0">
      <alignment vertical="center"/>
    </xf>
    <xf numFmtId="0" fontId="15" fillId="0" borderId="14" applyNumberFormat="0" applyFill="0" applyAlignment="0" applyProtection="0">
      <alignment vertical="center"/>
    </xf>
    <xf numFmtId="0" fontId="16" fillId="0" borderId="15" applyNumberFormat="0" applyFill="0" applyAlignment="0" applyProtection="0">
      <alignment vertical="center"/>
    </xf>
    <xf numFmtId="0" fontId="17" fillId="0" borderId="16" applyNumberFormat="0" applyFill="0" applyAlignment="0" applyProtection="0">
      <alignment vertical="center"/>
    </xf>
    <xf numFmtId="0" fontId="17" fillId="0" borderId="0" applyNumberFormat="0" applyFill="0" applyBorder="0" applyAlignment="0" applyProtection="0">
      <alignment vertical="center"/>
    </xf>
    <xf numFmtId="0" fontId="9" fillId="0" borderId="17" applyNumberFormat="0" applyFill="0" applyAlignment="0" applyProtection="0">
      <alignment vertical="center"/>
    </xf>
    <xf numFmtId="0" fontId="18" fillId="31" borderId="18" applyNumberFormat="0" applyAlignment="0" applyProtection="0">
      <alignment vertical="center"/>
    </xf>
    <xf numFmtId="0" fontId="19" fillId="0" borderId="0" applyNumberFormat="0" applyFill="0" applyBorder="0" applyAlignment="0" applyProtection="0">
      <alignment vertical="center"/>
    </xf>
    <xf numFmtId="0" fontId="20" fillId="3" borderId="13"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6">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0" fontId="25" fillId="0" borderId="4" xfId="0" applyFont="1" applyFill="1" applyBorder="1" applyAlignment="1">
      <alignment vertical="center"/>
    </xf>
    <xf numFmtId="0" fontId="25" fillId="0" borderId="0" xfId="0" applyFont="1" applyFill="1" applyBorder="1" applyAlignment="1">
      <alignment vertical="center"/>
    </xf>
    <xf numFmtId="0" fontId="25" fillId="0" borderId="6"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Border="1" applyAlignment="1">
      <alignment vertical="center" shrinkToFit="1"/>
    </xf>
    <xf numFmtId="0" fontId="27" fillId="0" borderId="0" xfId="0" applyFont="1" applyFill="1" applyAlignment="1">
      <alignment vertical="center"/>
    </xf>
    <xf numFmtId="0" fontId="27" fillId="0" borderId="0" xfId="0" applyFont="1" applyFill="1" applyBorder="1" applyAlignment="1">
      <alignment vertical="center"/>
    </xf>
    <xf numFmtId="0" fontId="25" fillId="0" borderId="0" xfId="0" applyFont="1" applyFill="1" applyBorder="1" applyAlignment="1">
      <alignment horizontal="center" vertical="center"/>
    </xf>
    <xf numFmtId="0" fontId="25" fillId="0" borderId="0" xfId="0" applyFont="1" applyFill="1" applyBorder="1" applyAlignment="1">
      <alignment horizontal="left" vertical="center"/>
    </xf>
    <xf numFmtId="0" fontId="27" fillId="0" borderId="4" xfId="0" applyFont="1" applyFill="1" applyBorder="1" applyAlignment="1">
      <alignment vertical="center"/>
    </xf>
    <xf numFmtId="0" fontId="25" fillId="0" borderId="0" xfId="0" applyFont="1" applyFill="1" applyAlignment="1"/>
    <xf numFmtId="0" fontId="25" fillId="0" borderId="0" xfId="0" applyFont="1" applyFill="1" applyAlignment="1">
      <alignment horizontal="center" vertical="center"/>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0" xfId="0" quotePrefix="1" applyFont="1" applyFill="1" applyAlignment="1">
      <alignment vertical="center"/>
    </xf>
    <xf numFmtId="0" fontId="25" fillId="0" borderId="5" xfId="0" applyFont="1" applyFill="1" applyBorder="1" applyAlignment="1">
      <alignment vertical="center" shrinkToFit="1"/>
    </xf>
    <xf numFmtId="55" fontId="25" fillId="0" borderId="5" xfId="0" applyNumberFormat="1" applyFont="1" applyFill="1" applyBorder="1" applyAlignment="1">
      <alignment horizontal="center" vertical="center" shrinkToFit="1"/>
    </xf>
    <xf numFmtId="0" fontId="25" fillId="0" borderId="5"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5" xfId="0" applyFont="1" applyFill="1" applyBorder="1" applyAlignment="1">
      <alignment horizontal="center" vertical="center" shrinkToFit="1"/>
    </xf>
    <xf numFmtId="0" fontId="25" fillId="0" borderId="1" xfId="0" applyFont="1" applyFill="1" applyBorder="1" applyAlignment="1">
      <alignment vertical="center"/>
    </xf>
    <xf numFmtId="0" fontId="25" fillId="0" borderId="2" xfId="0" applyFont="1" applyFill="1" applyBorder="1" applyAlignment="1">
      <alignment vertical="center"/>
    </xf>
    <xf numFmtId="0" fontId="25" fillId="0" borderId="3" xfId="0" applyFont="1" applyFill="1" applyBorder="1" applyAlignment="1">
      <alignment vertical="center"/>
    </xf>
    <xf numFmtId="0" fontId="25" fillId="0" borderId="5" xfId="0" applyFont="1" applyFill="1" applyBorder="1" applyAlignment="1">
      <alignment horizontal="center" vertical="center"/>
    </xf>
    <xf numFmtId="0" fontId="26" fillId="0" borderId="1" xfId="0" applyFont="1" applyFill="1" applyBorder="1" applyAlignment="1">
      <alignment vertical="center"/>
    </xf>
    <xf numFmtId="0" fontId="26" fillId="0" borderId="2" xfId="0" applyFont="1" applyFill="1" applyBorder="1" applyAlignment="1">
      <alignment vertical="center"/>
    </xf>
    <xf numFmtId="0" fontId="26" fillId="0" borderId="3" xfId="0" applyFont="1" applyFill="1" applyBorder="1" applyAlignment="1">
      <alignment vertical="center"/>
    </xf>
    <xf numFmtId="0" fontId="25" fillId="0" borderId="1" xfId="0" applyFont="1" applyFill="1" applyBorder="1" applyAlignment="1">
      <alignment horizontal="left" vertical="center"/>
    </xf>
    <xf numFmtId="0" fontId="25" fillId="0" borderId="2" xfId="0" applyFont="1" applyFill="1" applyBorder="1" applyAlignment="1">
      <alignment horizontal="left" vertical="center"/>
    </xf>
    <xf numFmtId="0" fontId="25" fillId="0" borderId="3" xfId="0" applyFont="1" applyFill="1" applyBorder="1" applyAlignment="1">
      <alignment horizontal="left" vertical="center"/>
    </xf>
    <xf numFmtId="49" fontId="25" fillId="0" borderId="0" xfId="0" applyNumberFormat="1" applyFont="1" applyFill="1" applyAlignment="1">
      <alignment horizontal="right" vertical="center"/>
    </xf>
    <xf numFmtId="0" fontId="28" fillId="0" borderId="0" xfId="0" applyFont="1" applyFill="1" applyAlignment="1"/>
    <xf numFmtId="0" fontId="29" fillId="0" borderId="0" xfId="0" applyFont="1" applyFill="1" applyAlignment="1"/>
    <xf numFmtId="0" fontId="30" fillId="0" borderId="0" xfId="0" applyFont="1" applyFill="1" applyAlignment="1">
      <alignment vertical="center"/>
    </xf>
    <xf numFmtId="0" fontId="22" fillId="0" borderId="0" xfId="0" applyFont="1" applyFill="1" applyAlignment="1">
      <alignment horizontal="center" vertical="center"/>
    </xf>
    <xf numFmtId="0" fontId="25" fillId="0" borderId="0" xfId="0" applyFont="1" applyFill="1" applyAlignment="1">
      <alignment vertical="center"/>
    </xf>
    <xf numFmtId="0" fontId="25" fillId="0" borderId="0" xfId="0" applyFont="1" applyFill="1" applyAlignment="1">
      <alignment horizontal="center" vertical="center"/>
    </xf>
    <xf numFmtId="0" fontId="25" fillId="0" borderId="1" xfId="0" applyFont="1" applyFill="1" applyBorder="1" applyAlignment="1">
      <alignment horizontal="center" vertical="center" shrinkToFit="1"/>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6" fillId="0" borderId="1" xfId="0" applyFont="1" applyFill="1" applyBorder="1" applyAlignment="1">
      <alignment horizontal="center" vertical="center"/>
    </xf>
    <xf numFmtId="0" fontId="26" fillId="0" borderId="2" xfId="0" applyFont="1" applyFill="1" applyBorder="1" applyAlignment="1">
      <alignment horizontal="center" vertical="center"/>
    </xf>
    <xf numFmtId="0" fontId="26" fillId="0" borderId="3" xfId="0" applyFont="1" applyFill="1" applyBorder="1" applyAlignment="1">
      <alignment horizontal="center" vertical="center"/>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9" xfId="0" applyFont="1" applyFill="1" applyBorder="1" applyAlignment="1">
      <alignment horizontal="center" vertical="center" textRotation="255"/>
    </xf>
    <xf numFmtId="0" fontId="25" fillId="0" borderId="1" xfId="0" applyFont="1" applyFill="1" applyBorder="1" applyAlignment="1">
      <alignment horizontal="left" vertical="center" shrinkToFit="1"/>
    </xf>
    <xf numFmtId="0" fontId="25" fillId="0" borderId="2" xfId="0" applyFont="1" applyFill="1" applyBorder="1" applyAlignment="1">
      <alignment horizontal="left" vertical="center" shrinkToFit="1"/>
    </xf>
    <xf numFmtId="0" fontId="25" fillId="0" borderId="3" xfId="0" applyFont="1" applyFill="1" applyBorder="1" applyAlignment="1">
      <alignment horizontal="left" vertical="center" shrinkToFit="1"/>
    </xf>
    <xf numFmtId="0" fontId="25" fillId="0" borderId="1" xfId="0" applyFont="1" applyFill="1" applyBorder="1" applyAlignment="1">
      <alignment horizontal="center" vertical="center"/>
    </xf>
    <xf numFmtId="0" fontId="25" fillId="0" borderId="2" xfId="0" applyFont="1" applyFill="1" applyBorder="1" applyAlignment="1">
      <alignment horizontal="center" vertical="center"/>
    </xf>
    <xf numFmtId="0" fontId="25" fillId="0" borderId="3" xfId="0" applyFont="1" applyFill="1" applyBorder="1" applyAlignment="1">
      <alignment horizontal="center" vertical="center"/>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9" xfId="0" applyFont="1" applyFill="1" applyBorder="1" applyAlignment="1">
      <alignment horizontal="center" vertical="center" textRotation="255" shrinkToFit="1"/>
    </xf>
    <xf numFmtId="0" fontId="25"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47"/>
  <sheetViews>
    <sheetView tabSelected="1" view="pageBreakPreview" zoomScaleNormal="100" zoomScaleSheetLayoutView="100" workbookViewId="0">
      <selection activeCell="A106" sqref="A106"/>
    </sheetView>
  </sheetViews>
  <sheetFormatPr defaultColWidth="9" defaultRowHeight="13" x14ac:dyDescent="0.2"/>
  <cols>
    <col min="1" max="8" width="9" style="41"/>
    <col min="9" max="9" width="9.90625" style="41" customWidth="1"/>
    <col min="10" max="16384" width="9" style="41"/>
  </cols>
  <sheetData>
    <row r="1" spans="1:10" s="1" customFormat="1" ht="18.75" customHeight="1" x14ac:dyDescent="0.2">
      <c r="A1" s="44" t="s">
        <v>134</v>
      </c>
      <c r="B1" s="44"/>
      <c r="C1" s="44"/>
      <c r="D1" s="44"/>
      <c r="E1" s="44"/>
      <c r="F1" s="44"/>
      <c r="G1" s="44"/>
      <c r="H1" s="44"/>
      <c r="I1" s="44"/>
      <c r="J1" s="44"/>
    </row>
    <row r="2" spans="1:10" s="1" customFormat="1" ht="18.75" customHeight="1" x14ac:dyDescent="0.2">
      <c r="A2" s="2"/>
      <c r="J2" s="3" t="s">
        <v>109</v>
      </c>
    </row>
    <row r="3" spans="1:10" s="5" customFormat="1" ht="14.25" customHeight="1" x14ac:dyDescent="0.2">
      <c r="A3" s="4"/>
      <c r="J3" s="6" t="s">
        <v>108</v>
      </c>
    </row>
    <row r="4" spans="1:10" s="5" customFormat="1" ht="14.25" customHeight="1" x14ac:dyDescent="0.2">
      <c r="A4" s="4"/>
    </row>
    <row r="5" spans="1:10" s="5" customFormat="1" ht="14.25" customHeight="1" x14ac:dyDescent="0.2">
      <c r="A5" s="5" t="s">
        <v>1</v>
      </c>
      <c r="D5" s="7"/>
      <c r="E5" s="7"/>
      <c r="F5" s="7"/>
      <c r="G5" s="7"/>
      <c r="H5" s="7"/>
      <c r="I5" s="7"/>
    </row>
    <row r="6" spans="1:10" s="5" customFormat="1" ht="14.25" customHeight="1" x14ac:dyDescent="0.2"/>
    <row r="7" spans="1:10" s="5" customFormat="1" ht="14.25" customHeight="1" x14ac:dyDescent="0.2">
      <c r="A7" s="5" t="s">
        <v>2</v>
      </c>
      <c r="D7" s="7" t="s">
        <v>4</v>
      </c>
      <c r="E7" s="7"/>
      <c r="F7" s="7"/>
      <c r="G7" s="7"/>
      <c r="H7" s="7"/>
      <c r="I7" s="7"/>
    </row>
    <row r="8" spans="1:10" s="5" customFormat="1" ht="14.25" customHeight="1" x14ac:dyDescent="0.2">
      <c r="D8" s="8"/>
      <c r="E8" s="8"/>
      <c r="F8" s="8"/>
      <c r="G8" s="8"/>
      <c r="H8" s="8"/>
      <c r="I8" s="8"/>
    </row>
    <row r="9" spans="1:10" s="5" customFormat="1" ht="14.25" customHeight="1" x14ac:dyDescent="0.2">
      <c r="D9" s="7"/>
      <c r="E9" s="7"/>
      <c r="F9" s="7"/>
      <c r="G9" s="7"/>
      <c r="H9" s="7"/>
      <c r="I9" s="7"/>
    </row>
    <row r="10" spans="1:10" s="5" customFormat="1" ht="14.25" customHeight="1" x14ac:dyDescent="0.2"/>
    <row r="11" spans="1:10" s="5" customFormat="1" ht="14.25" customHeight="1" x14ac:dyDescent="0.2">
      <c r="A11" s="5" t="s">
        <v>0</v>
      </c>
      <c r="D11" s="7"/>
      <c r="E11" s="7"/>
      <c r="F11" s="7"/>
      <c r="G11" s="7"/>
      <c r="H11" s="7"/>
      <c r="I11" s="7"/>
    </row>
    <row r="12" spans="1:10" s="5" customFormat="1" ht="14.25" customHeight="1" x14ac:dyDescent="0.2"/>
    <row r="13" spans="1:10" s="5" customFormat="1" ht="14.25" customHeight="1" x14ac:dyDescent="0.2">
      <c r="A13" s="5" t="s">
        <v>3</v>
      </c>
      <c r="D13" s="7" t="s">
        <v>4</v>
      </c>
      <c r="E13" s="7"/>
      <c r="F13" s="7"/>
      <c r="G13" s="7"/>
      <c r="H13" s="7"/>
      <c r="I13" s="7"/>
    </row>
    <row r="14" spans="1:10" s="5" customFormat="1" ht="14.25" customHeight="1" x14ac:dyDescent="0.2">
      <c r="D14" s="8"/>
      <c r="E14" s="8"/>
      <c r="F14" s="8"/>
      <c r="G14" s="8"/>
      <c r="H14" s="8"/>
      <c r="I14" s="8"/>
    </row>
    <row r="15" spans="1:10" s="5" customFormat="1" ht="14.25" customHeight="1" x14ac:dyDescent="0.2">
      <c r="D15" s="7"/>
      <c r="E15" s="7"/>
      <c r="F15" s="7"/>
      <c r="G15" s="7"/>
      <c r="H15" s="7"/>
      <c r="I15" s="7"/>
    </row>
    <row r="16" spans="1:10" s="5" customFormat="1" ht="14.25" customHeight="1" x14ac:dyDescent="0.2"/>
    <row r="17" spans="1:11" s="5" customFormat="1" ht="14.25" customHeight="1" x14ac:dyDescent="0.2">
      <c r="D17" s="7" t="s">
        <v>5</v>
      </c>
      <c r="E17" s="7"/>
      <c r="F17" s="7"/>
      <c r="G17" s="7"/>
      <c r="H17" s="7"/>
      <c r="I17" s="7"/>
    </row>
    <row r="18" spans="1:11" s="5" customFormat="1" ht="14.25" customHeight="1" x14ac:dyDescent="0.2">
      <c r="D18" s="9"/>
      <c r="E18" s="9"/>
      <c r="F18" s="9"/>
      <c r="G18" s="9"/>
      <c r="H18" s="9"/>
      <c r="I18" s="9"/>
    </row>
    <row r="19" spans="1:11" s="5" customFormat="1" ht="14.25" customHeight="1" x14ac:dyDescent="0.2">
      <c r="D19" s="7" t="s">
        <v>6</v>
      </c>
      <c r="E19" s="7"/>
      <c r="F19" s="7"/>
      <c r="G19" s="7"/>
      <c r="H19" s="7"/>
      <c r="I19" s="7"/>
    </row>
    <row r="20" spans="1:11" s="5" customFormat="1" ht="14.25" customHeight="1" x14ac:dyDescent="0.2"/>
    <row r="21" spans="1:11" s="10" customFormat="1" ht="14.25" customHeight="1" x14ac:dyDescent="0.2">
      <c r="A21" s="5"/>
      <c r="B21" s="5"/>
      <c r="C21" s="5"/>
      <c r="D21" s="7" t="s">
        <v>110</v>
      </c>
      <c r="E21" s="7"/>
      <c r="F21" s="7"/>
      <c r="G21" s="7"/>
      <c r="H21" s="7"/>
      <c r="I21" s="7"/>
      <c r="J21" s="5"/>
      <c r="K21" s="5"/>
    </row>
    <row r="22" spans="1:11" s="11" customFormat="1" ht="14.25" customHeight="1" x14ac:dyDescent="0.2">
      <c r="A22" s="8"/>
      <c r="B22" s="8"/>
      <c r="C22" s="8"/>
      <c r="D22" s="8"/>
      <c r="E22" s="8"/>
      <c r="F22" s="8"/>
      <c r="G22" s="8"/>
      <c r="H22" s="8"/>
      <c r="I22" s="8"/>
      <c r="J22" s="8"/>
      <c r="K22" s="8"/>
    </row>
    <row r="23" spans="1:11" s="11" customFormat="1" ht="14.25" customHeight="1" x14ac:dyDescent="0.2">
      <c r="A23" s="8" t="s">
        <v>111</v>
      </c>
      <c r="B23" s="8"/>
      <c r="C23" s="8"/>
      <c r="D23" s="7"/>
      <c r="E23" s="7"/>
      <c r="F23" s="7"/>
      <c r="G23" s="7"/>
      <c r="H23" s="7"/>
      <c r="I23" s="7"/>
      <c r="J23" s="8"/>
      <c r="K23" s="8"/>
    </row>
    <row r="24" spans="1:11" s="5" customFormat="1" ht="14.25" customHeight="1" x14ac:dyDescent="0.2"/>
    <row r="25" spans="1:11" s="5" customFormat="1" ht="14.25" customHeight="1" x14ac:dyDescent="0.2">
      <c r="A25" s="5" t="s">
        <v>112</v>
      </c>
      <c r="D25" s="7"/>
      <c r="E25" s="7"/>
      <c r="F25" s="7"/>
      <c r="G25" s="7" t="s">
        <v>8</v>
      </c>
      <c r="H25" s="7"/>
      <c r="I25" s="7"/>
    </row>
    <row r="26" spans="1:11" s="5" customFormat="1" ht="14.25" customHeight="1" x14ac:dyDescent="0.2"/>
    <row r="27" spans="1:11" s="5" customFormat="1" ht="14.25" customHeight="1" x14ac:dyDescent="0.2">
      <c r="A27" s="5" t="s">
        <v>113</v>
      </c>
      <c r="D27" s="7"/>
      <c r="E27" s="7"/>
      <c r="F27" s="7"/>
      <c r="G27" s="7"/>
      <c r="H27" s="7"/>
      <c r="I27" s="7"/>
    </row>
    <row r="28" spans="1:11" s="5" customFormat="1" ht="14.25" customHeight="1" x14ac:dyDescent="0.2">
      <c r="A28" s="5" t="s">
        <v>7</v>
      </c>
      <c r="E28" s="8"/>
      <c r="F28" s="8"/>
      <c r="G28" s="8"/>
      <c r="H28" s="8"/>
      <c r="I28" s="8"/>
    </row>
    <row r="29" spans="1:11" s="5" customFormat="1" ht="14.25" customHeight="1" x14ac:dyDescent="0.2"/>
    <row r="30" spans="1:11" s="5" customFormat="1" ht="14.25" customHeight="1" x14ac:dyDescent="0.2">
      <c r="A30" s="5" t="s">
        <v>114</v>
      </c>
      <c r="D30" s="7"/>
      <c r="E30" s="8" t="s">
        <v>56</v>
      </c>
    </row>
    <row r="31" spans="1:11" s="5" customFormat="1" ht="14.25" customHeight="1" x14ac:dyDescent="0.2">
      <c r="D31" s="8"/>
    </row>
    <row r="32" spans="1:11" s="5" customFormat="1" ht="14.25" customHeight="1" x14ac:dyDescent="0.2">
      <c r="D32" s="8" t="s">
        <v>57</v>
      </c>
    </row>
    <row r="33" spans="1:10" s="5" customFormat="1" ht="14.25" customHeight="1" x14ac:dyDescent="0.2"/>
    <row r="34" spans="1:10" s="5" customFormat="1" ht="14.25" customHeight="1" x14ac:dyDescent="0.2">
      <c r="D34" s="8" t="s">
        <v>52</v>
      </c>
      <c r="E34" s="7"/>
      <c r="F34" s="12" t="s">
        <v>58</v>
      </c>
      <c r="G34" s="7" t="s">
        <v>59</v>
      </c>
      <c r="H34" s="13" t="s">
        <v>60</v>
      </c>
      <c r="I34" s="7" t="s">
        <v>59</v>
      </c>
      <c r="J34" s="5" t="s">
        <v>16</v>
      </c>
    </row>
    <row r="35" spans="1:10" s="5" customFormat="1" ht="14.25" customHeight="1" x14ac:dyDescent="0.2">
      <c r="E35" s="8"/>
      <c r="F35" s="13"/>
      <c r="G35" s="8"/>
      <c r="H35" s="13"/>
      <c r="I35" s="8"/>
    </row>
    <row r="36" spans="1:10" s="5" customFormat="1" ht="14.25" customHeight="1" x14ac:dyDescent="0.2">
      <c r="D36" s="14" t="s">
        <v>61</v>
      </c>
      <c r="E36" s="7"/>
      <c r="F36" s="12" t="s">
        <v>58</v>
      </c>
      <c r="G36" s="7" t="s">
        <v>59</v>
      </c>
      <c r="H36" s="13" t="s">
        <v>60</v>
      </c>
      <c r="I36" s="7" t="s">
        <v>59</v>
      </c>
      <c r="J36" s="5" t="s">
        <v>16</v>
      </c>
    </row>
    <row r="37" spans="1:10" s="5" customFormat="1" ht="14.25" customHeight="1" x14ac:dyDescent="0.2">
      <c r="E37" s="8"/>
      <c r="F37" s="13"/>
      <c r="G37" s="8"/>
      <c r="H37" s="13"/>
      <c r="I37" s="8"/>
    </row>
    <row r="38" spans="1:10" s="5" customFormat="1" ht="14.25" customHeight="1" x14ac:dyDescent="0.2">
      <c r="D38" s="14" t="s">
        <v>54</v>
      </c>
      <c r="E38" s="7"/>
      <c r="F38" s="12" t="s">
        <v>58</v>
      </c>
      <c r="G38" s="7" t="s">
        <v>59</v>
      </c>
      <c r="H38" s="13" t="s">
        <v>60</v>
      </c>
      <c r="I38" s="7" t="s">
        <v>59</v>
      </c>
      <c r="J38" s="5" t="s">
        <v>16</v>
      </c>
    </row>
    <row r="39" spans="1:10" s="5" customFormat="1" ht="14.25" customHeight="1" x14ac:dyDescent="0.2"/>
    <row r="40" spans="1:10" s="5" customFormat="1" ht="14.25" customHeight="1" x14ac:dyDescent="0.2">
      <c r="D40" s="14" t="s">
        <v>55</v>
      </c>
      <c r="E40" s="7"/>
      <c r="F40" s="12" t="s">
        <v>58</v>
      </c>
      <c r="G40" s="7" t="s">
        <v>59</v>
      </c>
      <c r="H40" s="13" t="s">
        <v>60</v>
      </c>
      <c r="I40" s="7" t="s">
        <v>59</v>
      </c>
      <c r="J40" s="5" t="s">
        <v>16</v>
      </c>
    </row>
    <row r="41" spans="1:10" s="5" customFormat="1" ht="14.25" customHeight="1" x14ac:dyDescent="0.2">
      <c r="D41" s="8"/>
      <c r="E41" s="8"/>
      <c r="F41" s="13"/>
      <c r="G41" s="8"/>
      <c r="H41" s="13"/>
      <c r="I41" s="8"/>
    </row>
    <row r="42" spans="1:10" s="5" customFormat="1" ht="14.25" customHeight="1" x14ac:dyDescent="0.2">
      <c r="D42" s="14" t="s">
        <v>53</v>
      </c>
      <c r="E42" s="7"/>
      <c r="F42" s="12" t="s">
        <v>58</v>
      </c>
      <c r="G42" s="7" t="s">
        <v>59</v>
      </c>
      <c r="H42" s="13" t="s">
        <v>60</v>
      </c>
      <c r="I42" s="7" t="s">
        <v>59</v>
      </c>
      <c r="J42" s="5" t="s">
        <v>16</v>
      </c>
    </row>
    <row r="43" spans="1:10" s="5" customFormat="1" ht="14.25" customHeight="1" x14ac:dyDescent="0.2">
      <c r="D43" s="15"/>
      <c r="F43" s="15"/>
      <c r="H43" s="16"/>
      <c r="I43" s="15"/>
      <c r="J43" s="8"/>
    </row>
    <row r="44" spans="1:10" s="5" customFormat="1" ht="14.25" customHeight="1" x14ac:dyDescent="0.2">
      <c r="A44" s="5" t="s">
        <v>115</v>
      </c>
      <c r="D44" s="5" t="s">
        <v>11</v>
      </c>
      <c r="F44" s="17" t="s">
        <v>17</v>
      </c>
      <c r="G44" s="7"/>
      <c r="H44" s="5" t="s">
        <v>56</v>
      </c>
    </row>
    <row r="45" spans="1:10" s="5" customFormat="1" ht="14.25" customHeight="1" x14ac:dyDescent="0.2">
      <c r="F45" s="17"/>
      <c r="G45" s="8"/>
      <c r="H45" s="17"/>
      <c r="I45" s="8"/>
    </row>
    <row r="46" spans="1:10" s="5" customFormat="1" ht="14.25" customHeight="1" x14ac:dyDescent="0.2">
      <c r="F46" s="17" t="s">
        <v>18</v>
      </c>
      <c r="G46" s="7"/>
      <c r="H46" s="18" t="s">
        <v>56</v>
      </c>
      <c r="I46" s="8"/>
    </row>
    <row r="47" spans="1:10" s="5" customFormat="1" ht="14.25" customHeight="1" x14ac:dyDescent="0.2">
      <c r="F47" s="17"/>
      <c r="G47" s="8"/>
      <c r="H47" s="17"/>
      <c r="I47" s="8"/>
    </row>
    <row r="48" spans="1:10" s="5" customFormat="1" ht="14.25" customHeight="1" x14ac:dyDescent="0.2">
      <c r="A48" s="5" t="s">
        <v>116</v>
      </c>
      <c r="D48" s="7" t="s">
        <v>9</v>
      </c>
      <c r="E48" s="7"/>
      <c r="F48" s="19"/>
      <c r="G48" s="7"/>
      <c r="H48" s="19"/>
      <c r="I48" s="19"/>
    </row>
    <row r="49" spans="1:10" s="8" customFormat="1" ht="14.25" customHeight="1" x14ac:dyDescent="0.2">
      <c r="F49" s="16"/>
      <c r="H49" s="16"/>
      <c r="I49" s="16"/>
    </row>
    <row r="50" spans="1:10" s="5" customFormat="1" ht="14.25" customHeight="1" x14ac:dyDescent="0.2">
      <c r="D50" s="7" t="s">
        <v>10</v>
      </c>
      <c r="E50" s="7"/>
      <c r="F50" s="19"/>
      <c r="G50" s="7"/>
      <c r="H50" s="19"/>
      <c r="I50" s="19"/>
    </row>
    <row r="51" spans="1:10" s="5" customFormat="1" ht="14.25" customHeight="1" x14ac:dyDescent="0.2"/>
    <row r="52" spans="1:10" s="5" customFormat="1" ht="14.25" customHeight="1" x14ac:dyDescent="0.2">
      <c r="A52" s="5" t="s">
        <v>117</v>
      </c>
    </row>
    <row r="53" spans="1:10" s="5" customFormat="1" ht="14.25" customHeight="1" x14ac:dyDescent="0.2"/>
    <row r="54" spans="1:10" s="5" customFormat="1" ht="14" x14ac:dyDescent="0.2">
      <c r="A54" s="20"/>
      <c r="F54" s="46" t="s">
        <v>88</v>
      </c>
      <c r="G54" s="46"/>
      <c r="H54" s="46"/>
      <c r="I54" s="46"/>
      <c r="J54" s="46"/>
    </row>
    <row r="55" spans="1:10" s="5" customFormat="1" ht="14" x14ac:dyDescent="0.2">
      <c r="A55" s="20"/>
      <c r="F55" s="21"/>
      <c r="G55" s="21"/>
      <c r="H55" s="21"/>
      <c r="I55" s="21"/>
      <c r="J55" s="21"/>
    </row>
    <row r="56" spans="1:10" s="5" customFormat="1" ht="14.25" customHeight="1" x14ac:dyDescent="0.2">
      <c r="A56" s="5" t="s">
        <v>48</v>
      </c>
      <c r="G56" s="8" t="s">
        <v>135</v>
      </c>
      <c r="J56" s="8" t="s">
        <v>15</v>
      </c>
    </row>
    <row r="57" spans="1:10" s="5" customFormat="1" ht="14.25" customHeight="1" x14ac:dyDescent="0.2"/>
    <row r="58" spans="1:10" s="5" customFormat="1" ht="14.25" customHeight="1" x14ac:dyDescent="0.2">
      <c r="A58" s="5" t="s">
        <v>49</v>
      </c>
      <c r="G58" s="8" t="s">
        <v>44</v>
      </c>
      <c r="J58" s="8" t="s">
        <v>15</v>
      </c>
    </row>
    <row r="59" spans="1:10" s="5" customFormat="1" ht="14.25" customHeight="1" x14ac:dyDescent="0.2"/>
    <row r="60" spans="1:10" s="5" customFormat="1" ht="14.25" customHeight="1" x14ac:dyDescent="0.2">
      <c r="A60" s="5" t="s">
        <v>95</v>
      </c>
      <c r="G60" s="5" t="s">
        <v>45</v>
      </c>
      <c r="H60" s="8"/>
      <c r="J60" s="8" t="s">
        <v>46</v>
      </c>
    </row>
    <row r="61" spans="1:10" s="5" customFormat="1" ht="14.25" customHeight="1" x14ac:dyDescent="0.2"/>
    <row r="62" spans="1:10" s="5" customFormat="1" ht="14.25" customHeight="1" x14ac:dyDescent="0.2">
      <c r="A62" s="5" t="s">
        <v>77</v>
      </c>
      <c r="G62" s="5" t="s">
        <v>136</v>
      </c>
      <c r="J62" s="5" t="s">
        <v>15</v>
      </c>
    </row>
    <row r="63" spans="1:10" s="5" customFormat="1" ht="14.25" customHeight="1" x14ac:dyDescent="0.2">
      <c r="G63" s="8"/>
      <c r="H63" s="8"/>
    </row>
    <row r="64" spans="1:10" s="5" customFormat="1" ht="14.25" customHeight="1" x14ac:dyDescent="0.2">
      <c r="A64" s="5" t="s">
        <v>132</v>
      </c>
      <c r="G64" s="5" t="s">
        <v>14</v>
      </c>
      <c r="H64" s="5" t="s">
        <v>15</v>
      </c>
    </row>
    <row r="65" spans="1:10" s="5" customFormat="1" ht="14.25" customHeight="1" x14ac:dyDescent="0.2"/>
    <row r="66" spans="1:10" s="5" customFormat="1" ht="14.25" customHeight="1" x14ac:dyDescent="0.2">
      <c r="A66" s="5" t="s">
        <v>137</v>
      </c>
      <c r="G66" s="8" t="s">
        <v>14</v>
      </c>
      <c r="H66" s="8" t="s">
        <v>15</v>
      </c>
    </row>
    <row r="67" spans="1:10" s="5" customFormat="1" ht="14.25" customHeight="1" x14ac:dyDescent="0.2"/>
    <row r="68" spans="1:10" s="5" customFormat="1" ht="14.25" customHeight="1" x14ac:dyDescent="0.2">
      <c r="A68" s="5" t="s">
        <v>138</v>
      </c>
      <c r="G68" s="8" t="s">
        <v>14</v>
      </c>
      <c r="H68" s="8" t="s">
        <v>15</v>
      </c>
    </row>
    <row r="69" spans="1:10" s="5" customFormat="1" ht="14.25" customHeight="1" x14ac:dyDescent="0.2"/>
    <row r="70" spans="1:10" s="5" customFormat="1" ht="14.25" customHeight="1" x14ac:dyDescent="0.2">
      <c r="A70" s="5" t="s">
        <v>139</v>
      </c>
      <c r="G70" s="8" t="s">
        <v>14</v>
      </c>
      <c r="H70" s="8" t="s">
        <v>15</v>
      </c>
    </row>
    <row r="71" spans="1:10" s="5" customFormat="1" ht="14.25" customHeight="1" x14ac:dyDescent="0.2"/>
    <row r="72" spans="1:10" s="5" customFormat="1" ht="14.25" customHeight="1" x14ac:dyDescent="0.2">
      <c r="A72" s="5" t="s">
        <v>140</v>
      </c>
      <c r="G72" s="8" t="s">
        <v>141</v>
      </c>
      <c r="H72" s="8"/>
      <c r="J72" s="5" t="s">
        <v>46</v>
      </c>
    </row>
    <row r="73" spans="1:10" s="5" customFormat="1" ht="14.25" customHeight="1" x14ac:dyDescent="0.2">
      <c r="G73" s="8"/>
      <c r="H73" s="8"/>
    </row>
    <row r="74" spans="1:10" s="5" customFormat="1" ht="14.25" customHeight="1" x14ac:dyDescent="0.2">
      <c r="A74" s="5" t="s">
        <v>142</v>
      </c>
      <c r="G74" s="8" t="s">
        <v>93</v>
      </c>
      <c r="H74" s="8"/>
      <c r="I74" s="5" t="s">
        <v>94</v>
      </c>
    </row>
    <row r="75" spans="1:10" s="5" customFormat="1" ht="14.25" customHeight="1" x14ac:dyDescent="0.2"/>
    <row r="76" spans="1:10" s="5" customFormat="1" ht="14.25" customHeight="1" x14ac:dyDescent="0.2">
      <c r="A76" s="5" t="s">
        <v>143</v>
      </c>
      <c r="G76" s="8" t="s">
        <v>14</v>
      </c>
      <c r="H76" s="8" t="s">
        <v>15</v>
      </c>
    </row>
    <row r="77" spans="1:10" s="5" customFormat="1" ht="14.25" customHeight="1" x14ac:dyDescent="0.2">
      <c r="G77" s="8"/>
      <c r="H77" s="8"/>
    </row>
    <row r="78" spans="1:10" s="5" customFormat="1" ht="14.25" customHeight="1" x14ac:dyDescent="0.2">
      <c r="A78" s="5" t="s">
        <v>144</v>
      </c>
      <c r="G78" s="8" t="s">
        <v>14</v>
      </c>
      <c r="H78" s="8" t="s">
        <v>15</v>
      </c>
    </row>
    <row r="79" spans="1:10" s="5" customFormat="1" ht="14.25" customHeight="1" x14ac:dyDescent="0.2">
      <c r="G79" s="8"/>
      <c r="H79" s="8"/>
    </row>
    <row r="80" spans="1:10" s="5" customFormat="1" ht="14.25" customHeight="1" x14ac:dyDescent="0.2">
      <c r="A80" s="45" t="s">
        <v>133</v>
      </c>
      <c r="B80" s="45"/>
      <c r="C80" s="45"/>
      <c r="D80" s="45"/>
      <c r="E80" s="45"/>
      <c r="G80" s="8" t="s">
        <v>45</v>
      </c>
      <c r="H80" s="8" t="s">
        <v>46</v>
      </c>
    </row>
    <row r="81" spans="1:10" s="5" customFormat="1" ht="14.25" customHeight="1" x14ac:dyDescent="0.2">
      <c r="G81" s="8"/>
      <c r="H81" s="8"/>
    </row>
    <row r="82" spans="1:10" s="5" customFormat="1" ht="14.25" customHeight="1" x14ac:dyDescent="0.2">
      <c r="A82" s="45" t="s">
        <v>164</v>
      </c>
      <c r="B82" s="45"/>
      <c r="C82" s="45"/>
      <c r="D82" s="45"/>
      <c r="E82" s="45"/>
      <c r="G82" s="8" t="s">
        <v>45</v>
      </c>
      <c r="H82" s="8" t="s">
        <v>46</v>
      </c>
    </row>
    <row r="83" spans="1:10" s="5" customFormat="1" ht="14.25" customHeight="1" x14ac:dyDescent="0.2">
      <c r="G83" s="8"/>
      <c r="H83" s="8"/>
    </row>
    <row r="84" spans="1:10" s="5" customFormat="1" ht="14.25" customHeight="1" x14ac:dyDescent="0.2">
      <c r="A84" s="45" t="s">
        <v>165</v>
      </c>
      <c r="B84" s="45"/>
      <c r="C84" s="45"/>
      <c r="D84" s="45"/>
      <c r="E84" s="45"/>
      <c r="F84" s="45"/>
      <c r="G84" s="5" t="s">
        <v>79</v>
      </c>
      <c r="H84" s="8"/>
      <c r="J84" s="8" t="s">
        <v>46</v>
      </c>
    </row>
    <row r="85" spans="1:10" s="5" customFormat="1" ht="14.25" customHeight="1" x14ac:dyDescent="0.2">
      <c r="H85" s="8"/>
      <c r="J85" s="8"/>
    </row>
    <row r="86" spans="1:10" s="5" customFormat="1" ht="14.25" customHeight="1" x14ac:dyDescent="0.2">
      <c r="A86" s="45" t="s">
        <v>166</v>
      </c>
      <c r="B86" s="45"/>
      <c r="C86" s="45"/>
      <c r="D86" s="45"/>
      <c r="E86" s="45"/>
      <c r="F86" s="45"/>
      <c r="G86" s="8" t="s">
        <v>45</v>
      </c>
      <c r="H86" s="8" t="s">
        <v>46</v>
      </c>
      <c r="J86" s="8"/>
    </row>
    <row r="87" spans="1:10" s="5" customFormat="1" ht="14.25" customHeight="1" x14ac:dyDescent="0.2">
      <c r="A87" s="5" t="s">
        <v>90</v>
      </c>
      <c r="G87" s="8"/>
      <c r="H87" s="8"/>
    </row>
    <row r="88" spans="1:10" s="5" customFormat="1" ht="14.25" customHeight="1" x14ac:dyDescent="0.2">
      <c r="G88" s="8"/>
      <c r="H88" s="8"/>
    </row>
    <row r="89" spans="1:10" s="5" customFormat="1" ht="14.25" customHeight="1" x14ac:dyDescent="0.2">
      <c r="A89" s="45" t="s">
        <v>167</v>
      </c>
      <c r="B89" s="45"/>
      <c r="C89" s="45"/>
      <c r="D89" s="45"/>
      <c r="E89" s="45"/>
      <c r="F89" s="45"/>
      <c r="G89" s="5" t="s">
        <v>79</v>
      </c>
      <c r="H89" s="8"/>
      <c r="J89" s="8" t="s">
        <v>46</v>
      </c>
    </row>
    <row r="90" spans="1:10" s="5" customFormat="1" ht="14.25" customHeight="1" x14ac:dyDescent="0.2">
      <c r="G90" s="8"/>
      <c r="H90" s="8"/>
    </row>
    <row r="91" spans="1:10" s="5" customFormat="1" ht="14.25" customHeight="1" x14ac:dyDescent="0.2">
      <c r="A91" s="45" t="s">
        <v>168</v>
      </c>
      <c r="B91" s="45"/>
      <c r="C91" s="45"/>
      <c r="D91" s="45"/>
      <c r="E91" s="45"/>
      <c r="F91" s="45"/>
      <c r="G91" s="8" t="s">
        <v>45</v>
      </c>
      <c r="H91" s="8" t="s">
        <v>46</v>
      </c>
      <c r="J91" s="8"/>
    </row>
    <row r="92" spans="1:10" s="5" customFormat="1" ht="14.25" customHeight="1" x14ac:dyDescent="0.2">
      <c r="G92" s="8"/>
      <c r="H92" s="8"/>
      <c r="J92" s="8"/>
    </row>
    <row r="93" spans="1:10" s="5" customFormat="1" ht="14.25" customHeight="1" x14ac:dyDescent="0.2">
      <c r="A93" s="45" t="s">
        <v>169</v>
      </c>
      <c r="B93" s="45"/>
      <c r="C93" s="45"/>
      <c r="D93" s="45"/>
      <c r="E93" s="45"/>
      <c r="F93" s="45"/>
      <c r="G93" s="8" t="s">
        <v>45</v>
      </c>
      <c r="H93" s="8" t="s">
        <v>46</v>
      </c>
      <c r="J93" s="8"/>
    </row>
    <row r="94" spans="1:10" s="5" customFormat="1" ht="14.25" customHeight="1" x14ac:dyDescent="0.2">
      <c r="G94" s="8"/>
      <c r="H94" s="8"/>
      <c r="J94" s="8"/>
    </row>
    <row r="95" spans="1:10" s="5" customFormat="1" ht="14.25" customHeight="1" x14ac:dyDescent="0.2">
      <c r="A95" s="45" t="s">
        <v>170</v>
      </c>
      <c r="B95" s="45"/>
      <c r="C95" s="45"/>
      <c r="D95" s="45"/>
      <c r="E95" s="45"/>
      <c r="F95" s="45"/>
      <c r="G95" s="8" t="s">
        <v>45</v>
      </c>
      <c r="H95" s="8" t="s">
        <v>46</v>
      </c>
      <c r="J95" s="8"/>
    </row>
    <row r="96" spans="1:10" s="5" customFormat="1" ht="14.25" customHeight="1" x14ac:dyDescent="0.2">
      <c r="G96" s="8"/>
      <c r="H96" s="8"/>
      <c r="J96" s="8"/>
    </row>
    <row r="97" spans="1:256" s="5" customFormat="1" ht="14.25" customHeight="1" x14ac:dyDescent="0.2">
      <c r="A97" s="45" t="s">
        <v>171</v>
      </c>
      <c r="B97" s="45"/>
      <c r="C97" s="45"/>
      <c r="D97" s="45"/>
      <c r="E97" s="45"/>
      <c r="F97" s="45"/>
      <c r="G97" s="8" t="s">
        <v>45</v>
      </c>
      <c r="H97" s="8" t="s">
        <v>46</v>
      </c>
      <c r="J97" s="8"/>
    </row>
    <row r="98" spans="1:256" s="5" customFormat="1" ht="14.25" customHeight="1" x14ac:dyDescent="0.2">
      <c r="G98" s="8"/>
      <c r="H98" s="8"/>
      <c r="J98" s="8"/>
    </row>
    <row r="99" spans="1:256" s="5" customFormat="1" ht="14.25" customHeight="1" x14ac:dyDescent="0.2">
      <c r="A99" s="45" t="s">
        <v>172</v>
      </c>
      <c r="B99" s="45"/>
      <c r="C99" s="45"/>
      <c r="D99" s="45"/>
      <c r="E99" s="45"/>
      <c r="F99" s="45"/>
      <c r="G99" s="8" t="s">
        <v>45</v>
      </c>
      <c r="H99" s="8" t="s">
        <v>46</v>
      </c>
      <c r="J99" s="8"/>
    </row>
    <row r="100" spans="1:256" s="5" customFormat="1" ht="14.25" customHeight="1" x14ac:dyDescent="0.2">
      <c r="G100" s="8"/>
      <c r="H100" s="8"/>
      <c r="J100" s="8"/>
    </row>
    <row r="101" spans="1:256" s="5" customFormat="1" ht="14.25" customHeight="1" x14ac:dyDescent="0.2">
      <c r="A101" s="45" t="s">
        <v>173</v>
      </c>
      <c r="B101" s="45"/>
      <c r="C101" s="45"/>
      <c r="D101" s="45"/>
      <c r="E101" s="45"/>
      <c r="F101" s="45"/>
      <c r="G101" s="8" t="s">
        <v>45</v>
      </c>
      <c r="H101" s="8" t="s">
        <v>46</v>
      </c>
      <c r="J101" s="8"/>
    </row>
    <row r="102" spans="1:256" s="5" customFormat="1" ht="14.25" customHeight="1" x14ac:dyDescent="0.2">
      <c r="G102" s="8"/>
      <c r="H102" s="8"/>
      <c r="J102" s="8"/>
    </row>
    <row r="103" spans="1:256" s="5" customFormat="1" ht="14.25" customHeight="1" x14ac:dyDescent="0.2">
      <c r="A103" s="5" t="s">
        <v>174</v>
      </c>
      <c r="G103" s="8" t="s">
        <v>45</v>
      </c>
      <c r="H103" s="8" t="s">
        <v>46</v>
      </c>
      <c r="J103" s="8"/>
    </row>
    <row r="104" spans="1:256" s="5" customFormat="1" ht="14.25" customHeight="1" x14ac:dyDescent="0.2">
      <c r="G104" s="8"/>
      <c r="H104" s="8"/>
      <c r="J104" s="8"/>
    </row>
    <row r="105" spans="1:256" s="5" customFormat="1" ht="14" x14ac:dyDescent="0.2">
      <c r="A105" s="65" t="s">
        <v>175</v>
      </c>
      <c r="B105" s="65"/>
      <c r="C105" s="65"/>
      <c r="D105" s="65"/>
      <c r="E105" s="65"/>
      <c r="F105" s="22"/>
      <c r="G105" s="22" t="s">
        <v>149</v>
      </c>
      <c r="H105" s="22"/>
      <c r="I105" s="22"/>
      <c r="J105" s="22" t="s">
        <v>46</v>
      </c>
      <c r="K105" s="23"/>
      <c r="L105" s="23"/>
      <c r="M105" s="23"/>
      <c r="N105" s="23"/>
      <c r="O105" s="23"/>
      <c r="P105" s="23"/>
      <c r="Q105" s="23"/>
      <c r="R105" s="23"/>
      <c r="S105" s="23"/>
      <c r="T105" s="23"/>
      <c r="U105" s="23"/>
      <c r="V105" s="23"/>
      <c r="W105" s="23"/>
      <c r="X105" s="23"/>
      <c r="Y105" s="23"/>
      <c r="Z105" s="23"/>
      <c r="AA105" s="23"/>
      <c r="AB105" s="23"/>
      <c r="AC105" s="23"/>
      <c r="AD105" s="23"/>
      <c r="AE105" s="23"/>
      <c r="AF105" s="23"/>
      <c r="AG105" s="23"/>
      <c r="AH105" s="23"/>
      <c r="AI105" s="23"/>
      <c r="AJ105" s="23"/>
      <c r="AK105" s="23"/>
      <c r="AL105" s="23"/>
      <c r="AM105" s="23"/>
      <c r="AN105" s="23"/>
      <c r="AO105" s="23"/>
      <c r="AP105" s="23"/>
      <c r="AQ105" s="23"/>
      <c r="AR105" s="23"/>
      <c r="AS105" s="23"/>
      <c r="AT105" s="23"/>
      <c r="AU105" s="23"/>
      <c r="AV105" s="23"/>
      <c r="AW105" s="23"/>
      <c r="AX105" s="23"/>
      <c r="AY105" s="23"/>
      <c r="AZ105" s="23"/>
      <c r="BA105" s="23"/>
      <c r="BB105" s="23"/>
      <c r="BC105" s="23"/>
      <c r="BD105" s="23"/>
      <c r="BE105" s="23"/>
      <c r="BF105" s="23"/>
      <c r="BG105" s="23"/>
      <c r="BH105" s="23"/>
      <c r="BI105" s="23"/>
      <c r="BJ105" s="23"/>
      <c r="BK105" s="23"/>
      <c r="BL105" s="23"/>
      <c r="BM105" s="23"/>
      <c r="BN105" s="23"/>
      <c r="BO105" s="23"/>
      <c r="BP105" s="23"/>
      <c r="BQ105" s="23"/>
      <c r="BR105" s="23"/>
      <c r="BS105" s="23"/>
      <c r="BT105" s="23"/>
      <c r="BU105" s="23"/>
      <c r="BV105" s="23"/>
      <c r="BW105" s="23"/>
      <c r="BX105" s="23"/>
      <c r="BY105" s="23"/>
      <c r="BZ105" s="23"/>
      <c r="CA105" s="23"/>
      <c r="CB105" s="23"/>
      <c r="CC105" s="23"/>
      <c r="CD105" s="23"/>
      <c r="CE105" s="23"/>
      <c r="CF105" s="23"/>
      <c r="CG105" s="23"/>
      <c r="CH105" s="23"/>
      <c r="CI105" s="23"/>
      <c r="CJ105" s="23"/>
      <c r="CK105" s="23"/>
      <c r="CL105" s="23"/>
      <c r="CM105" s="23"/>
      <c r="CN105" s="23"/>
      <c r="CO105" s="23"/>
      <c r="CP105" s="23"/>
      <c r="CQ105" s="23"/>
      <c r="CR105" s="23"/>
      <c r="CS105" s="23"/>
      <c r="CT105" s="23"/>
      <c r="CU105" s="23"/>
      <c r="CV105" s="23"/>
      <c r="CW105" s="23"/>
      <c r="CX105" s="23"/>
      <c r="CY105" s="23"/>
      <c r="CZ105" s="23"/>
      <c r="DA105" s="23"/>
      <c r="DB105" s="23"/>
      <c r="DC105" s="23"/>
      <c r="DD105" s="23"/>
      <c r="DE105" s="23"/>
      <c r="DF105" s="23"/>
      <c r="DG105" s="23"/>
      <c r="DH105" s="23"/>
      <c r="DI105" s="23"/>
      <c r="DJ105" s="23"/>
      <c r="DK105" s="23"/>
      <c r="DL105" s="23"/>
      <c r="DM105" s="23"/>
      <c r="DN105" s="23"/>
      <c r="DO105" s="23"/>
      <c r="DP105" s="23"/>
      <c r="DQ105" s="23"/>
      <c r="DR105" s="23"/>
      <c r="DS105" s="23"/>
      <c r="DT105" s="23"/>
      <c r="DU105" s="23"/>
      <c r="DV105" s="23"/>
      <c r="DW105" s="23"/>
      <c r="DX105" s="23"/>
      <c r="DY105" s="23"/>
      <c r="DZ105" s="23"/>
      <c r="EA105" s="23"/>
      <c r="EB105" s="23"/>
      <c r="EC105" s="23"/>
      <c r="ED105" s="23"/>
      <c r="EE105" s="23"/>
      <c r="EF105" s="23"/>
      <c r="EG105" s="23"/>
      <c r="EH105" s="23"/>
      <c r="EI105" s="23"/>
      <c r="EJ105" s="23"/>
      <c r="EK105" s="23"/>
      <c r="EL105" s="23"/>
      <c r="EM105" s="23"/>
      <c r="EN105" s="23"/>
      <c r="EO105" s="23"/>
      <c r="EP105" s="23"/>
      <c r="EQ105" s="23"/>
      <c r="ER105" s="23"/>
      <c r="ES105" s="23"/>
      <c r="ET105" s="23"/>
      <c r="EU105" s="23"/>
      <c r="EV105" s="23"/>
      <c r="EW105" s="23"/>
      <c r="EX105" s="23"/>
      <c r="EY105" s="23"/>
      <c r="EZ105" s="23"/>
      <c r="FA105" s="23"/>
      <c r="FB105" s="23"/>
      <c r="FC105" s="23"/>
      <c r="FD105" s="23"/>
      <c r="FE105" s="23"/>
      <c r="FF105" s="23"/>
      <c r="FG105" s="23"/>
      <c r="FH105" s="23"/>
      <c r="FI105" s="23"/>
      <c r="FJ105" s="23"/>
      <c r="FK105" s="23"/>
      <c r="FL105" s="23"/>
      <c r="FM105" s="23"/>
      <c r="FN105" s="23"/>
      <c r="FO105" s="23"/>
      <c r="FP105" s="23"/>
      <c r="FQ105" s="23"/>
      <c r="FR105" s="23"/>
      <c r="FS105" s="23"/>
      <c r="FT105" s="23"/>
      <c r="FU105" s="23"/>
      <c r="FV105" s="23"/>
      <c r="FW105" s="23"/>
      <c r="FX105" s="23"/>
      <c r="FY105" s="23"/>
      <c r="FZ105" s="23"/>
      <c r="GA105" s="23"/>
      <c r="GB105" s="23"/>
      <c r="GC105" s="23"/>
      <c r="GD105" s="23"/>
      <c r="GE105" s="23"/>
      <c r="GF105" s="23"/>
      <c r="GG105" s="23"/>
      <c r="GH105" s="23"/>
      <c r="GI105" s="23"/>
      <c r="GJ105" s="23"/>
      <c r="GK105" s="23"/>
      <c r="GL105" s="23"/>
      <c r="GM105" s="23"/>
      <c r="GN105" s="23"/>
      <c r="GO105" s="23"/>
      <c r="GP105" s="23"/>
      <c r="GQ105" s="23"/>
      <c r="GR105" s="23"/>
      <c r="GS105" s="23"/>
      <c r="GT105" s="23"/>
      <c r="GU105" s="23"/>
      <c r="GV105" s="23"/>
      <c r="GW105" s="23"/>
      <c r="GX105" s="23"/>
      <c r="GY105" s="23"/>
      <c r="GZ105" s="23"/>
      <c r="HA105" s="23"/>
      <c r="HB105" s="23"/>
      <c r="HC105" s="23"/>
      <c r="HD105" s="23"/>
      <c r="HE105" s="23"/>
      <c r="HF105" s="23"/>
      <c r="HG105" s="23"/>
      <c r="HH105" s="23"/>
      <c r="HI105" s="23"/>
      <c r="HJ105" s="23"/>
      <c r="HK105" s="23"/>
      <c r="HL105" s="23"/>
      <c r="HM105" s="23"/>
      <c r="HN105" s="23"/>
      <c r="HO105" s="23"/>
      <c r="HP105" s="23"/>
      <c r="HQ105" s="23"/>
      <c r="HR105" s="23"/>
      <c r="HS105" s="23"/>
      <c r="HT105" s="23"/>
      <c r="HU105" s="23"/>
      <c r="HV105" s="23"/>
      <c r="HW105" s="23"/>
      <c r="HX105" s="23"/>
      <c r="HY105" s="23"/>
      <c r="HZ105" s="23"/>
      <c r="IA105" s="23"/>
      <c r="IB105" s="23"/>
      <c r="IC105" s="23"/>
      <c r="ID105" s="23"/>
      <c r="IE105" s="23"/>
      <c r="IF105" s="23"/>
      <c r="IG105" s="23"/>
      <c r="IH105" s="23"/>
      <c r="II105" s="23"/>
      <c r="IJ105" s="23"/>
      <c r="IK105" s="23"/>
      <c r="IL105" s="23"/>
      <c r="IM105" s="23"/>
      <c r="IN105" s="23"/>
      <c r="IO105" s="23"/>
      <c r="IP105" s="23"/>
      <c r="IQ105" s="23"/>
      <c r="IR105" s="23"/>
      <c r="IS105" s="23"/>
      <c r="IT105" s="23"/>
      <c r="IU105" s="23"/>
      <c r="IV105" s="23"/>
    </row>
    <row r="106" spans="1:256" s="5" customFormat="1" ht="14" x14ac:dyDescent="0.2">
      <c r="G106" s="8"/>
      <c r="H106" s="8"/>
    </row>
    <row r="107" spans="1:256" s="5" customFormat="1" ht="14.25" customHeight="1" x14ac:dyDescent="0.2">
      <c r="G107" s="8"/>
      <c r="H107" s="8"/>
    </row>
    <row r="108" spans="1:256" s="5" customFormat="1" ht="14.25" customHeight="1" x14ac:dyDescent="0.2">
      <c r="G108" s="8"/>
      <c r="H108" s="8"/>
    </row>
    <row r="109" spans="1:256" s="5" customFormat="1" ht="14" x14ac:dyDescent="0.2">
      <c r="A109" s="5" t="s">
        <v>118</v>
      </c>
    </row>
    <row r="110" spans="1:256" s="5" customFormat="1" ht="14.25" customHeight="1" x14ac:dyDescent="0.2">
      <c r="G110" s="8"/>
      <c r="H110" s="8"/>
    </row>
    <row r="111" spans="1:256" s="5" customFormat="1" ht="14.25" customHeight="1" x14ac:dyDescent="0.2">
      <c r="A111" s="5" t="s">
        <v>62</v>
      </c>
      <c r="G111" s="8" t="s">
        <v>45</v>
      </c>
      <c r="H111" s="8" t="s">
        <v>46</v>
      </c>
      <c r="J111" s="8"/>
    </row>
    <row r="112" spans="1:256" s="5" customFormat="1" ht="14.25" customHeight="1" x14ac:dyDescent="0.2">
      <c r="A112" s="5" t="s">
        <v>63</v>
      </c>
      <c r="J112" s="8"/>
    </row>
    <row r="113" spans="1:10" s="5" customFormat="1" ht="14.25" customHeight="1" x14ac:dyDescent="0.2">
      <c r="J113" s="8"/>
    </row>
    <row r="114" spans="1:10" s="5" customFormat="1" ht="14.25" customHeight="1" x14ac:dyDescent="0.2">
      <c r="A114" s="5" t="s">
        <v>126</v>
      </c>
      <c r="G114" s="8" t="s">
        <v>45</v>
      </c>
      <c r="H114" s="8" t="s">
        <v>46</v>
      </c>
      <c r="J114" s="8"/>
    </row>
    <row r="115" spans="1:10" s="5" customFormat="1" ht="14.25" customHeight="1" x14ac:dyDescent="0.2">
      <c r="A115" s="5" t="s">
        <v>125</v>
      </c>
      <c r="J115" s="8"/>
    </row>
    <row r="116" spans="1:10" s="5" customFormat="1" ht="14.25" customHeight="1" x14ac:dyDescent="0.2">
      <c r="J116" s="8"/>
    </row>
    <row r="117" spans="1:10" s="5" customFormat="1" ht="14.25" customHeight="1" x14ac:dyDescent="0.2">
      <c r="A117" s="5" t="s">
        <v>64</v>
      </c>
      <c r="G117" s="5" t="s">
        <v>45</v>
      </c>
      <c r="H117" s="5" t="s">
        <v>46</v>
      </c>
      <c r="J117" s="8"/>
    </row>
    <row r="118" spans="1:10" s="5" customFormat="1" ht="14.25" customHeight="1" x14ac:dyDescent="0.2">
      <c r="A118" s="5" t="s">
        <v>65</v>
      </c>
      <c r="J118" s="8"/>
    </row>
    <row r="119" spans="1:10" s="5" customFormat="1" ht="14.25" customHeight="1" x14ac:dyDescent="0.2">
      <c r="A119" s="5" t="s">
        <v>66</v>
      </c>
      <c r="J119" s="8"/>
    </row>
    <row r="120" spans="1:10" s="5" customFormat="1" ht="14.25" customHeight="1" x14ac:dyDescent="0.2">
      <c r="J120" s="8"/>
    </row>
    <row r="121" spans="1:10" s="5" customFormat="1" ht="14.25" customHeight="1" x14ac:dyDescent="0.2">
      <c r="A121" s="5" t="s">
        <v>147</v>
      </c>
      <c r="G121" s="5" t="s">
        <v>45</v>
      </c>
      <c r="H121" s="5" t="s">
        <v>46</v>
      </c>
      <c r="J121" s="8"/>
    </row>
    <row r="122" spans="1:10" s="5" customFormat="1" ht="14.25" customHeight="1" x14ac:dyDescent="0.2">
      <c r="A122" s="5" t="s">
        <v>148</v>
      </c>
      <c r="J122" s="8"/>
    </row>
    <row r="123" spans="1:10" s="5" customFormat="1" ht="14.25" customHeight="1" x14ac:dyDescent="0.2">
      <c r="J123" s="8"/>
    </row>
    <row r="124" spans="1:10" s="5" customFormat="1" ht="14.25" customHeight="1" x14ac:dyDescent="0.2">
      <c r="A124" s="5" t="s">
        <v>150</v>
      </c>
      <c r="G124" s="5" t="s">
        <v>45</v>
      </c>
      <c r="H124" s="5" t="s">
        <v>46</v>
      </c>
      <c r="J124" s="8"/>
    </row>
    <row r="125" spans="1:10" s="5" customFormat="1" ht="14.25" customHeight="1" x14ac:dyDescent="0.2">
      <c r="A125" s="5" t="s">
        <v>67</v>
      </c>
      <c r="J125" s="8"/>
    </row>
    <row r="126" spans="1:10" s="5" customFormat="1" ht="14.25" customHeight="1" x14ac:dyDescent="0.2">
      <c r="G126" s="8"/>
      <c r="H126" s="8"/>
    </row>
    <row r="127" spans="1:10" s="5" customFormat="1" ht="14.25" customHeight="1" x14ac:dyDescent="0.2">
      <c r="A127" s="5" t="s">
        <v>151</v>
      </c>
      <c r="G127" s="8" t="s">
        <v>45</v>
      </c>
      <c r="H127" s="8" t="s">
        <v>46</v>
      </c>
    </row>
    <row r="128" spans="1:10" s="5" customFormat="1" ht="14.25" customHeight="1" x14ac:dyDescent="0.2">
      <c r="G128" s="8"/>
      <c r="H128" s="8"/>
    </row>
    <row r="129" spans="1:8" s="5" customFormat="1" ht="14.25" customHeight="1" x14ac:dyDescent="0.2">
      <c r="A129" s="5" t="s">
        <v>152</v>
      </c>
      <c r="G129" s="8" t="s">
        <v>45</v>
      </c>
      <c r="H129" s="8" t="s">
        <v>46</v>
      </c>
    </row>
    <row r="130" spans="1:8" s="5" customFormat="1" ht="14.25" customHeight="1" x14ac:dyDescent="0.2">
      <c r="G130" s="8"/>
      <c r="H130" s="8"/>
    </row>
    <row r="131" spans="1:8" s="5" customFormat="1" ht="14.25" customHeight="1" x14ac:dyDescent="0.2">
      <c r="A131" s="5" t="s">
        <v>153</v>
      </c>
      <c r="G131" s="8" t="s">
        <v>45</v>
      </c>
      <c r="H131" s="8" t="s">
        <v>46</v>
      </c>
    </row>
    <row r="132" spans="1:8" s="5" customFormat="1" ht="14.25" customHeight="1" x14ac:dyDescent="0.2">
      <c r="G132" s="8"/>
      <c r="H132" s="8"/>
    </row>
    <row r="133" spans="1:8" s="5" customFormat="1" ht="14.25" customHeight="1" x14ac:dyDescent="0.2">
      <c r="A133" s="24" t="s">
        <v>154</v>
      </c>
      <c r="G133" s="8" t="s">
        <v>91</v>
      </c>
      <c r="H133" s="8" t="s">
        <v>46</v>
      </c>
    </row>
    <row r="134" spans="1:8" s="5" customFormat="1" ht="14.25" customHeight="1" x14ac:dyDescent="0.2">
      <c r="G134" s="8"/>
      <c r="H134" s="8"/>
    </row>
    <row r="135" spans="1:8" s="5" customFormat="1" ht="14.25" customHeight="1" x14ac:dyDescent="0.2">
      <c r="A135" s="5" t="s">
        <v>155</v>
      </c>
      <c r="G135" s="8" t="s">
        <v>45</v>
      </c>
      <c r="H135" s="8" t="s">
        <v>46</v>
      </c>
    </row>
    <row r="136" spans="1:8" s="5" customFormat="1" ht="14.25" customHeight="1" x14ac:dyDescent="0.2">
      <c r="A136" s="5" t="s">
        <v>92</v>
      </c>
      <c r="G136" s="8"/>
      <c r="H136" s="8"/>
    </row>
    <row r="137" spans="1:8" s="5" customFormat="1" ht="14.25" customHeight="1" x14ac:dyDescent="0.2">
      <c r="G137" s="8"/>
      <c r="H137" s="8"/>
    </row>
    <row r="138" spans="1:8" s="5" customFormat="1" ht="14.25" customHeight="1" x14ac:dyDescent="0.2">
      <c r="A138" s="5" t="s">
        <v>156</v>
      </c>
      <c r="G138" s="8" t="s">
        <v>45</v>
      </c>
      <c r="H138" s="8" t="s">
        <v>46</v>
      </c>
    </row>
    <row r="139" spans="1:8" s="5" customFormat="1" ht="14.25" customHeight="1" x14ac:dyDescent="0.2">
      <c r="G139" s="8"/>
      <c r="H139" s="8"/>
    </row>
    <row r="140" spans="1:8" s="5" customFormat="1" ht="14" x14ac:dyDescent="0.2">
      <c r="A140" s="5" t="s">
        <v>157</v>
      </c>
      <c r="G140" s="8" t="s">
        <v>45</v>
      </c>
      <c r="H140" s="8" t="s">
        <v>46</v>
      </c>
    </row>
    <row r="141" spans="1:8" s="5" customFormat="1" ht="14" x14ac:dyDescent="0.2">
      <c r="G141" s="8"/>
      <c r="H141" s="8"/>
    </row>
    <row r="142" spans="1:8" s="5" customFormat="1" ht="14" x14ac:dyDescent="0.2">
      <c r="A142" s="5" t="s">
        <v>158</v>
      </c>
      <c r="G142" s="8" t="s">
        <v>45</v>
      </c>
      <c r="H142" s="8" t="s">
        <v>46</v>
      </c>
    </row>
    <row r="143" spans="1:8" s="5" customFormat="1" ht="14" x14ac:dyDescent="0.2">
      <c r="G143" s="8"/>
      <c r="H143" s="8"/>
    </row>
    <row r="144" spans="1:8" s="5" customFormat="1" ht="14" x14ac:dyDescent="0.2">
      <c r="A144" s="5" t="s">
        <v>159</v>
      </c>
      <c r="G144" s="8" t="s">
        <v>45</v>
      </c>
      <c r="H144" s="8" t="s">
        <v>46</v>
      </c>
    </row>
    <row r="145" spans="1:10" s="5" customFormat="1" ht="14.25" customHeight="1" x14ac:dyDescent="0.2">
      <c r="J145" s="8"/>
    </row>
    <row r="146" spans="1:10" s="5" customFormat="1" ht="14.25" customHeight="1" x14ac:dyDescent="0.2">
      <c r="G146" s="8"/>
      <c r="H146" s="8"/>
    </row>
    <row r="147" spans="1:10" s="5" customFormat="1" ht="14.25" customHeight="1" x14ac:dyDescent="0.2">
      <c r="A147" s="5" t="s">
        <v>160</v>
      </c>
      <c r="G147" s="8"/>
      <c r="H147" s="8"/>
    </row>
    <row r="148" spans="1:10" s="5" customFormat="1" ht="14.25" customHeight="1" x14ac:dyDescent="0.2">
      <c r="A148" s="5" t="s">
        <v>68</v>
      </c>
      <c r="G148" s="8"/>
      <c r="H148" s="8"/>
    </row>
    <row r="149" spans="1:10" s="5" customFormat="1" ht="14.25" customHeight="1" x14ac:dyDescent="0.2">
      <c r="G149" s="8"/>
      <c r="H149" s="8"/>
    </row>
    <row r="150" spans="1:10" s="5" customFormat="1" ht="14.25" customHeight="1" x14ac:dyDescent="0.2">
      <c r="B150" s="25" t="s">
        <v>69</v>
      </c>
      <c r="C150" s="25" t="s">
        <v>69</v>
      </c>
      <c r="D150" s="25" t="s">
        <v>69</v>
      </c>
      <c r="E150" s="25" t="s">
        <v>69</v>
      </c>
      <c r="F150" s="25" t="s">
        <v>69</v>
      </c>
      <c r="G150" s="25" t="s">
        <v>69</v>
      </c>
      <c r="H150" s="8"/>
    </row>
    <row r="151" spans="1:10" s="5" customFormat="1" ht="14.25" customHeight="1" x14ac:dyDescent="0.2">
      <c r="B151" s="25" t="s">
        <v>70</v>
      </c>
      <c r="C151" s="25" t="s">
        <v>70</v>
      </c>
      <c r="D151" s="25" t="s">
        <v>70</v>
      </c>
      <c r="E151" s="25" t="s">
        <v>70</v>
      </c>
      <c r="F151" s="25" t="s">
        <v>70</v>
      </c>
      <c r="G151" s="25" t="s">
        <v>70</v>
      </c>
      <c r="H151" s="8"/>
    </row>
    <row r="152" spans="1:10" s="5" customFormat="1" ht="14.25" customHeight="1" x14ac:dyDescent="0.2">
      <c r="B152" s="25" t="s">
        <v>69</v>
      </c>
      <c r="C152" s="25" t="s">
        <v>69</v>
      </c>
      <c r="D152" s="25" t="s">
        <v>69</v>
      </c>
      <c r="E152" s="25" t="s">
        <v>69</v>
      </c>
      <c r="F152" s="25" t="s">
        <v>69</v>
      </c>
      <c r="G152" s="25" t="s">
        <v>69</v>
      </c>
      <c r="H152" s="8"/>
    </row>
    <row r="153" spans="1:10" s="5" customFormat="1" ht="14.25" customHeight="1" x14ac:dyDescent="0.2">
      <c r="B153" s="25" t="s">
        <v>70</v>
      </c>
      <c r="C153" s="25" t="s">
        <v>70</v>
      </c>
      <c r="D153" s="25" t="s">
        <v>70</v>
      </c>
      <c r="E153" s="25" t="s">
        <v>70</v>
      </c>
      <c r="F153" s="25" t="s">
        <v>70</v>
      </c>
      <c r="G153" s="25" t="s">
        <v>70</v>
      </c>
      <c r="H153" s="8"/>
    </row>
    <row r="154" spans="1:10" s="5" customFormat="1" ht="14.25" customHeight="1" x14ac:dyDescent="0.2">
      <c r="B154" s="14"/>
      <c r="C154" s="14"/>
      <c r="D154" s="14"/>
      <c r="E154" s="14"/>
      <c r="F154" s="14"/>
      <c r="G154" s="14"/>
      <c r="H154" s="8"/>
    </row>
    <row r="155" spans="1:10" s="5" customFormat="1" ht="14.25" customHeight="1" x14ac:dyDescent="0.2">
      <c r="B155" s="14"/>
      <c r="C155" s="14"/>
      <c r="D155" s="14"/>
      <c r="E155" s="14"/>
      <c r="F155" s="14"/>
      <c r="G155" s="14"/>
      <c r="H155" s="8"/>
    </row>
    <row r="156" spans="1:10" s="5" customFormat="1" ht="14.25" customHeight="1" x14ac:dyDescent="0.2">
      <c r="A156" s="5" t="s">
        <v>161</v>
      </c>
      <c r="G156" s="8"/>
      <c r="H156" s="8"/>
    </row>
    <row r="157" spans="1:10" s="5" customFormat="1" ht="14.25" customHeight="1" x14ac:dyDescent="0.2">
      <c r="A157" s="45" t="s">
        <v>71</v>
      </c>
      <c r="B157" s="45"/>
      <c r="C157" s="45"/>
      <c r="D157" s="45"/>
      <c r="E157" s="45"/>
      <c r="F157" s="45"/>
      <c r="G157" s="45"/>
      <c r="H157" s="45"/>
    </row>
    <row r="158" spans="1:10" s="5" customFormat="1" ht="14.25" customHeight="1" x14ac:dyDescent="0.2">
      <c r="G158" s="8"/>
      <c r="H158" s="8"/>
    </row>
    <row r="159" spans="1:10" s="5" customFormat="1" ht="14.25" customHeight="1" x14ac:dyDescent="0.2">
      <c r="B159" s="26" t="s">
        <v>72</v>
      </c>
      <c r="C159" s="26" t="s">
        <v>72</v>
      </c>
      <c r="D159" s="26" t="s">
        <v>72</v>
      </c>
      <c r="E159" s="26" t="s">
        <v>72</v>
      </c>
      <c r="F159" s="26" t="s">
        <v>72</v>
      </c>
      <c r="G159" s="26" t="s">
        <v>72</v>
      </c>
    </row>
    <row r="160" spans="1:10" s="5" customFormat="1" ht="14.25" customHeight="1" x14ac:dyDescent="0.2">
      <c r="B160" s="27" t="s">
        <v>73</v>
      </c>
      <c r="C160" s="27" t="s">
        <v>73</v>
      </c>
      <c r="D160" s="27" t="s">
        <v>73</v>
      </c>
      <c r="E160" s="27" t="s">
        <v>73</v>
      </c>
      <c r="F160" s="27" t="s">
        <v>73</v>
      </c>
      <c r="G160" s="27" t="s">
        <v>73</v>
      </c>
    </row>
    <row r="161" spans="1:8" s="5" customFormat="1" ht="14.25" customHeight="1" x14ac:dyDescent="0.2">
      <c r="B161" s="27" t="s">
        <v>74</v>
      </c>
      <c r="C161" s="27" t="s">
        <v>74</v>
      </c>
      <c r="D161" s="27" t="s">
        <v>74</v>
      </c>
      <c r="E161" s="27" t="s">
        <v>74</v>
      </c>
      <c r="F161" s="27" t="s">
        <v>74</v>
      </c>
      <c r="G161" s="27" t="s">
        <v>74</v>
      </c>
    </row>
    <row r="162" spans="1:8" s="5" customFormat="1" ht="14.25" customHeight="1" x14ac:dyDescent="0.2">
      <c r="B162" s="26" t="s">
        <v>72</v>
      </c>
      <c r="C162" s="26" t="s">
        <v>72</v>
      </c>
      <c r="D162" s="26" t="s">
        <v>72</v>
      </c>
      <c r="E162" s="26" t="s">
        <v>72</v>
      </c>
      <c r="F162" s="26" t="s">
        <v>72</v>
      </c>
      <c r="G162" s="26" t="s">
        <v>72</v>
      </c>
    </row>
    <row r="163" spans="1:8" s="5" customFormat="1" ht="14.25" customHeight="1" x14ac:dyDescent="0.2">
      <c r="B163" s="27" t="s">
        <v>73</v>
      </c>
      <c r="C163" s="27" t="s">
        <v>73</v>
      </c>
      <c r="D163" s="27" t="s">
        <v>73</v>
      </c>
      <c r="E163" s="27" t="s">
        <v>73</v>
      </c>
      <c r="F163" s="27" t="s">
        <v>73</v>
      </c>
      <c r="G163" s="27" t="s">
        <v>73</v>
      </c>
    </row>
    <row r="164" spans="1:8" s="5" customFormat="1" ht="14.25" customHeight="1" x14ac:dyDescent="0.2">
      <c r="B164" s="27" t="s">
        <v>74</v>
      </c>
      <c r="C164" s="27" t="s">
        <v>74</v>
      </c>
      <c r="D164" s="27" t="s">
        <v>74</v>
      </c>
      <c r="E164" s="27" t="s">
        <v>74</v>
      </c>
      <c r="F164" s="27" t="s">
        <v>74</v>
      </c>
      <c r="G164" s="27" t="s">
        <v>74</v>
      </c>
    </row>
    <row r="165" spans="1:8" s="5" customFormat="1" ht="14.25" customHeight="1" x14ac:dyDescent="0.2">
      <c r="B165" s="13"/>
      <c r="C165" s="13"/>
      <c r="D165" s="13"/>
      <c r="E165" s="13"/>
      <c r="F165" s="13"/>
      <c r="G165" s="13"/>
    </row>
    <row r="166" spans="1:8" s="5" customFormat="1" ht="14.25" customHeight="1" x14ac:dyDescent="0.2">
      <c r="B166" s="13"/>
      <c r="C166" s="13"/>
      <c r="D166" s="13"/>
      <c r="E166" s="13"/>
      <c r="F166" s="13"/>
      <c r="G166" s="13"/>
    </row>
    <row r="167" spans="1:8" s="5" customFormat="1" ht="14.25" customHeight="1" x14ac:dyDescent="0.2">
      <c r="A167" s="5" t="s">
        <v>127</v>
      </c>
    </row>
    <row r="168" spans="1:8" s="5" customFormat="1" ht="14.25" customHeight="1" x14ac:dyDescent="0.2"/>
    <row r="169" spans="1:8" s="5" customFormat="1" ht="14.25" customHeight="1" x14ac:dyDescent="0.2">
      <c r="G169" s="7"/>
      <c r="H169" s="5" t="s">
        <v>75</v>
      </c>
    </row>
    <row r="170" spans="1:8" s="5" customFormat="1" ht="14.25" customHeight="1" x14ac:dyDescent="0.2"/>
    <row r="171" spans="1:8" s="5" customFormat="1" ht="14.25" customHeight="1" x14ac:dyDescent="0.2">
      <c r="G171" s="7"/>
      <c r="H171" s="5" t="s">
        <v>75</v>
      </c>
    </row>
    <row r="172" spans="1:8" s="5" customFormat="1" ht="14.25" customHeight="1" x14ac:dyDescent="0.2"/>
    <row r="173" spans="1:8" s="5" customFormat="1" ht="14.25" customHeight="1" x14ac:dyDescent="0.2">
      <c r="A173" s="5" t="s">
        <v>128</v>
      </c>
    </row>
    <row r="174" spans="1:8" s="5" customFormat="1" ht="14.25" customHeight="1" x14ac:dyDescent="0.2">
      <c r="A174" s="5" t="s">
        <v>50</v>
      </c>
    </row>
    <row r="175" spans="1:8" s="5" customFormat="1" ht="14.25" customHeight="1" x14ac:dyDescent="0.2">
      <c r="A175" s="5" t="s">
        <v>51</v>
      </c>
    </row>
    <row r="176" spans="1:8" s="5" customFormat="1" ht="14.25" customHeight="1" x14ac:dyDescent="0.2"/>
    <row r="177" spans="1:9" s="5" customFormat="1" ht="14.25" customHeight="1" x14ac:dyDescent="0.2">
      <c r="E177" s="5" t="s">
        <v>12</v>
      </c>
      <c r="G177" s="8" t="s">
        <v>13</v>
      </c>
    </row>
    <row r="178" spans="1:9" s="5" customFormat="1" ht="14.25" customHeight="1" x14ac:dyDescent="0.2"/>
    <row r="179" spans="1:9" s="5" customFormat="1" ht="14.25" customHeight="1" x14ac:dyDescent="0.2">
      <c r="A179" s="5" t="s">
        <v>80</v>
      </c>
    </row>
    <row r="180" spans="1:9" s="5" customFormat="1" ht="14.25" customHeight="1" x14ac:dyDescent="0.2">
      <c r="A180" s="28" t="s">
        <v>81</v>
      </c>
    </row>
    <row r="181" spans="1:9" s="5" customFormat="1" ht="14.25" customHeight="1" x14ac:dyDescent="0.2">
      <c r="A181" s="5" t="s">
        <v>82</v>
      </c>
      <c r="B181" s="8"/>
      <c r="D181" s="8"/>
    </row>
    <row r="182" spans="1:9" s="5" customFormat="1" ht="14.25" customHeight="1" x14ac:dyDescent="0.2"/>
    <row r="183" spans="1:9" s="5" customFormat="1" ht="14.25" customHeight="1" x14ac:dyDescent="0.2">
      <c r="B183" s="59" t="s">
        <v>38</v>
      </c>
      <c r="C183" s="60"/>
      <c r="D183" s="60"/>
      <c r="E183" s="61"/>
      <c r="F183" s="29" t="s">
        <v>32</v>
      </c>
      <c r="G183" s="59" t="s">
        <v>47</v>
      </c>
      <c r="H183" s="60"/>
      <c r="I183" s="61"/>
    </row>
    <row r="184" spans="1:9" s="5" customFormat="1" ht="14.25" customHeight="1" x14ac:dyDescent="0.2">
      <c r="B184" s="62" t="s">
        <v>40</v>
      </c>
      <c r="C184" s="30" t="s">
        <v>19</v>
      </c>
      <c r="D184" s="31"/>
      <c r="E184" s="32"/>
      <c r="F184" s="33" t="s">
        <v>33</v>
      </c>
      <c r="G184" s="34" t="s">
        <v>39</v>
      </c>
      <c r="H184" s="35"/>
      <c r="I184" s="36"/>
    </row>
    <row r="185" spans="1:9" s="5" customFormat="1" ht="14.25" customHeight="1" x14ac:dyDescent="0.2">
      <c r="B185" s="63"/>
      <c r="C185" s="30" t="s">
        <v>20</v>
      </c>
      <c r="D185" s="31"/>
      <c r="E185" s="32"/>
      <c r="F185" s="33" t="s">
        <v>33</v>
      </c>
      <c r="G185" s="34" t="s">
        <v>39</v>
      </c>
      <c r="H185" s="35"/>
      <c r="I185" s="36"/>
    </row>
    <row r="186" spans="1:9" s="5" customFormat="1" ht="14.25" customHeight="1" x14ac:dyDescent="0.2">
      <c r="B186" s="63"/>
      <c r="C186" s="56" t="s">
        <v>21</v>
      </c>
      <c r="D186" s="57"/>
      <c r="E186" s="58"/>
      <c r="F186" s="33" t="s">
        <v>33</v>
      </c>
      <c r="G186" s="34" t="s">
        <v>35</v>
      </c>
      <c r="H186" s="35"/>
      <c r="I186" s="36"/>
    </row>
    <row r="187" spans="1:9" s="5" customFormat="1" ht="14.25" customHeight="1" x14ac:dyDescent="0.2">
      <c r="B187" s="64"/>
      <c r="C187" s="56" t="s">
        <v>76</v>
      </c>
      <c r="D187" s="57"/>
      <c r="E187" s="58"/>
      <c r="F187" s="33" t="s">
        <v>33</v>
      </c>
      <c r="G187" s="34" t="s">
        <v>39</v>
      </c>
      <c r="H187" s="35"/>
      <c r="I187" s="36"/>
    </row>
    <row r="188" spans="1:9" s="5" customFormat="1" ht="14.25" customHeight="1" x14ac:dyDescent="0.2">
      <c r="B188" s="53" t="s">
        <v>41</v>
      </c>
      <c r="C188" s="37" t="s">
        <v>22</v>
      </c>
      <c r="D188" s="38"/>
      <c r="E188" s="39"/>
      <c r="F188" s="33" t="s">
        <v>33</v>
      </c>
      <c r="G188" s="34" t="s">
        <v>39</v>
      </c>
      <c r="H188" s="35"/>
      <c r="I188" s="36"/>
    </row>
    <row r="189" spans="1:9" s="5" customFormat="1" ht="14.25" customHeight="1" x14ac:dyDescent="0.2">
      <c r="B189" s="54"/>
      <c r="C189" s="37" t="s">
        <v>23</v>
      </c>
      <c r="D189" s="38"/>
      <c r="E189" s="39"/>
      <c r="F189" s="33" t="s">
        <v>33</v>
      </c>
      <c r="G189" s="34" t="s">
        <v>39</v>
      </c>
      <c r="H189" s="35"/>
      <c r="I189" s="36"/>
    </row>
    <row r="190" spans="1:9" s="5" customFormat="1" ht="14.25" customHeight="1" x14ac:dyDescent="0.2">
      <c r="B190" s="54"/>
      <c r="C190" s="37" t="s">
        <v>24</v>
      </c>
      <c r="D190" s="38"/>
      <c r="E190" s="39"/>
      <c r="F190" s="33" t="s">
        <v>33</v>
      </c>
      <c r="G190" s="34" t="s">
        <v>36</v>
      </c>
      <c r="H190" s="35"/>
      <c r="I190" s="36"/>
    </row>
    <row r="191" spans="1:9" s="5" customFormat="1" ht="14.25" customHeight="1" x14ac:dyDescent="0.2">
      <c r="B191" s="54"/>
      <c r="C191" s="37" t="s">
        <v>42</v>
      </c>
      <c r="D191" s="38"/>
      <c r="E191" s="39"/>
      <c r="F191" s="33" t="s">
        <v>33</v>
      </c>
      <c r="G191" s="34" t="s">
        <v>36</v>
      </c>
      <c r="H191" s="35"/>
      <c r="I191" s="36"/>
    </row>
    <row r="192" spans="1:9" s="5" customFormat="1" ht="14.25" customHeight="1" x14ac:dyDescent="0.2">
      <c r="B192" s="54"/>
      <c r="C192" s="37" t="s">
        <v>43</v>
      </c>
      <c r="D192" s="38"/>
      <c r="E192" s="39"/>
      <c r="F192" s="33" t="s">
        <v>33</v>
      </c>
      <c r="G192" s="34" t="s">
        <v>36</v>
      </c>
      <c r="H192" s="35"/>
      <c r="I192" s="36"/>
    </row>
    <row r="193" spans="1:9" s="5" customFormat="1" ht="14.25" customHeight="1" x14ac:dyDescent="0.2">
      <c r="B193" s="54"/>
      <c r="C193" s="37" t="s">
        <v>25</v>
      </c>
      <c r="D193" s="38"/>
      <c r="E193" s="39"/>
      <c r="F193" s="33" t="s">
        <v>33</v>
      </c>
      <c r="G193" s="34" t="s">
        <v>36</v>
      </c>
      <c r="H193" s="35"/>
      <c r="I193" s="36"/>
    </row>
    <row r="194" spans="1:9" s="5" customFormat="1" ht="14.25" customHeight="1" x14ac:dyDescent="0.2">
      <c r="B194" s="54"/>
      <c r="C194" s="37" t="s">
        <v>26</v>
      </c>
      <c r="D194" s="38"/>
      <c r="E194" s="39"/>
      <c r="F194" s="33" t="s">
        <v>33</v>
      </c>
      <c r="G194" s="34" t="s">
        <v>36</v>
      </c>
      <c r="H194" s="35"/>
      <c r="I194" s="36"/>
    </row>
    <row r="195" spans="1:9" s="5" customFormat="1" ht="14.25" customHeight="1" x14ac:dyDescent="0.2">
      <c r="B195" s="54"/>
      <c r="C195" s="56" t="s">
        <v>27</v>
      </c>
      <c r="D195" s="57"/>
      <c r="E195" s="58"/>
      <c r="F195" s="33" t="s">
        <v>33</v>
      </c>
      <c r="G195" s="34" t="s">
        <v>39</v>
      </c>
      <c r="H195" s="35"/>
      <c r="I195" s="36"/>
    </row>
    <row r="196" spans="1:9" s="5" customFormat="1" ht="14.25" customHeight="1" x14ac:dyDescent="0.2">
      <c r="A196" s="40"/>
      <c r="B196" s="54"/>
      <c r="C196" s="37" t="s">
        <v>28</v>
      </c>
      <c r="D196" s="38"/>
      <c r="E196" s="39"/>
      <c r="F196" s="33" t="s">
        <v>33</v>
      </c>
      <c r="G196" s="34" t="s">
        <v>39</v>
      </c>
      <c r="H196" s="35"/>
      <c r="I196" s="36"/>
    </row>
    <row r="197" spans="1:9" s="5" customFormat="1" ht="14.25" customHeight="1" x14ac:dyDescent="0.2">
      <c r="B197" s="54"/>
      <c r="C197" s="37" t="s">
        <v>29</v>
      </c>
      <c r="D197" s="38"/>
      <c r="E197" s="39"/>
      <c r="F197" s="33" t="s">
        <v>33</v>
      </c>
      <c r="G197" s="34" t="s">
        <v>36</v>
      </c>
      <c r="H197" s="35"/>
      <c r="I197" s="36"/>
    </row>
    <row r="198" spans="1:9" s="5" customFormat="1" ht="14.25" customHeight="1" x14ac:dyDescent="0.2">
      <c r="B198" s="54"/>
      <c r="C198" s="56" t="s">
        <v>30</v>
      </c>
      <c r="D198" s="57"/>
      <c r="E198" s="58"/>
      <c r="F198" s="33" t="s">
        <v>33</v>
      </c>
      <c r="G198" s="34" t="s">
        <v>36</v>
      </c>
      <c r="H198" s="35"/>
      <c r="I198" s="36"/>
    </row>
    <row r="199" spans="1:9" s="5" customFormat="1" ht="14.25" customHeight="1" x14ac:dyDescent="0.2">
      <c r="B199" s="55"/>
      <c r="C199" s="37" t="s">
        <v>31</v>
      </c>
      <c r="D199" s="38"/>
      <c r="E199" s="39"/>
      <c r="F199" s="33" t="s">
        <v>33</v>
      </c>
      <c r="G199" s="34" t="s">
        <v>37</v>
      </c>
      <c r="H199" s="35"/>
      <c r="I199" s="36"/>
    </row>
    <row r="200" spans="1:9" s="5" customFormat="1" ht="14.25" customHeight="1" x14ac:dyDescent="0.2">
      <c r="B200" s="47" t="s">
        <v>83</v>
      </c>
      <c r="C200" s="48"/>
      <c r="D200" s="48"/>
      <c r="E200" s="49"/>
      <c r="F200" s="33" t="s">
        <v>34</v>
      </c>
      <c r="G200" s="50" t="s">
        <v>36</v>
      </c>
      <c r="H200" s="51"/>
      <c r="I200" s="52"/>
    </row>
    <row r="201" spans="1:9" s="5" customFormat="1" ht="14.25" customHeight="1" x14ac:dyDescent="0.2">
      <c r="G201" s="8"/>
      <c r="H201" s="8"/>
    </row>
    <row r="202" spans="1:9" s="5" customFormat="1" ht="14.25" customHeight="1" x14ac:dyDescent="0.2">
      <c r="G202" s="8"/>
      <c r="H202" s="8"/>
    </row>
    <row r="203" spans="1:9" s="5" customFormat="1" ht="14.25" customHeight="1" x14ac:dyDescent="0.2">
      <c r="A203" s="5" t="s">
        <v>129</v>
      </c>
    </row>
    <row r="204" spans="1:9" s="5" customFormat="1" ht="14.25" customHeight="1" x14ac:dyDescent="0.2">
      <c r="A204" s="5" t="s">
        <v>84</v>
      </c>
    </row>
    <row r="205" spans="1:9" s="5" customFormat="1" ht="14.25" customHeight="1" x14ac:dyDescent="0.2"/>
    <row r="206" spans="1:9" s="5" customFormat="1" ht="14.25" customHeight="1" x14ac:dyDescent="0.2">
      <c r="B206" s="8"/>
      <c r="E206" s="5" t="s">
        <v>12</v>
      </c>
      <c r="G206" s="8" t="s">
        <v>13</v>
      </c>
      <c r="H206" s="8"/>
    </row>
    <row r="207" spans="1:9" s="5" customFormat="1" ht="14.25" customHeight="1" x14ac:dyDescent="0.2">
      <c r="B207" s="8"/>
      <c r="D207" s="8"/>
      <c r="G207" s="8"/>
      <c r="H207" s="8"/>
    </row>
    <row r="208" spans="1:9" s="5" customFormat="1" ht="14.25" customHeight="1" x14ac:dyDescent="0.2">
      <c r="A208" s="5" t="s">
        <v>78</v>
      </c>
    </row>
    <row r="209" spans="1:9" s="5" customFormat="1" ht="14.25" customHeight="1" x14ac:dyDescent="0.2">
      <c r="A209" s="28" t="s">
        <v>85</v>
      </c>
    </row>
    <row r="210" spans="1:9" s="5" customFormat="1" ht="14.25" customHeight="1" x14ac:dyDescent="0.2">
      <c r="G210" s="8"/>
      <c r="H210" s="8"/>
    </row>
    <row r="211" spans="1:9" s="5" customFormat="1" ht="14.25" customHeight="1" x14ac:dyDescent="0.2">
      <c r="C211" s="8"/>
      <c r="E211" s="5" t="s">
        <v>12</v>
      </c>
      <c r="G211" s="8" t="s">
        <v>13</v>
      </c>
      <c r="H211" s="8"/>
    </row>
    <row r="212" spans="1:9" s="5" customFormat="1" ht="14.25" customHeight="1" x14ac:dyDescent="0.2">
      <c r="G212" s="8"/>
      <c r="H212" s="8"/>
    </row>
    <row r="213" spans="1:9" s="5" customFormat="1" ht="14.25" customHeight="1" x14ac:dyDescent="0.2">
      <c r="A213" s="28" t="s">
        <v>86</v>
      </c>
    </row>
    <row r="214" spans="1:9" s="5" customFormat="1" ht="14.25" customHeight="1" x14ac:dyDescent="0.2">
      <c r="G214" s="8"/>
      <c r="H214" s="8"/>
    </row>
    <row r="215" spans="1:9" s="5" customFormat="1" ht="14.25" customHeight="1" x14ac:dyDescent="0.2">
      <c r="C215" s="8"/>
      <c r="E215" s="5" t="s">
        <v>12</v>
      </c>
      <c r="G215" s="8" t="s">
        <v>13</v>
      </c>
      <c r="H215" s="8"/>
    </row>
    <row r="216" spans="1:9" s="5" customFormat="1" ht="14.25" customHeight="1" x14ac:dyDescent="0.2">
      <c r="G216" s="8"/>
      <c r="H216" s="8"/>
    </row>
    <row r="217" spans="1:9" s="5" customFormat="1" ht="14.25" customHeight="1" x14ac:dyDescent="0.2">
      <c r="A217" s="28" t="s">
        <v>87</v>
      </c>
    </row>
    <row r="218" spans="1:9" s="5" customFormat="1" ht="14.25" customHeight="1" x14ac:dyDescent="0.2"/>
    <row r="219" spans="1:9" s="5" customFormat="1" ht="14.25" customHeight="1" x14ac:dyDescent="0.2">
      <c r="C219" s="8"/>
      <c r="E219" s="5" t="s">
        <v>12</v>
      </c>
      <c r="G219" s="8" t="s">
        <v>13</v>
      </c>
      <c r="H219" s="8"/>
    </row>
    <row r="220" spans="1:9" s="5" customFormat="1" ht="14.25" customHeight="1" x14ac:dyDescent="0.2">
      <c r="C220" s="8"/>
      <c r="G220" s="8"/>
      <c r="H220" s="8"/>
    </row>
    <row r="221" spans="1:9" s="5" customFormat="1" ht="14" x14ac:dyDescent="0.2">
      <c r="A221" s="5" t="s">
        <v>130</v>
      </c>
      <c r="G221" s="8" t="s">
        <v>119</v>
      </c>
      <c r="H221" s="8"/>
      <c r="I221" s="5" t="s">
        <v>120</v>
      </c>
    </row>
    <row r="222" spans="1:9" s="5" customFormat="1" ht="14" x14ac:dyDescent="0.2">
      <c r="A222" s="5" t="s">
        <v>121</v>
      </c>
      <c r="G222" s="8"/>
      <c r="H222" s="8"/>
    </row>
    <row r="223" spans="1:9" s="5" customFormat="1" ht="14" x14ac:dyDescent="0.2">
      <c r="G223" s="8"/>
      <c r="H223" s="8"/>
    </row>
    <row r="224" spans="1:9" s="5" customFormat="1" ht="14" x14ac:dyDescent="0.2">
      <c r="A224" s="5" t="s">
        <v>131</v>
      </c>
      <c r="G224" s="8" t="s">
        <v>122</v>
      </c>
      <c r="H224" s="8" t="s">
        <v>123</v>
      </c>
    </row>
    <row r="225" spans="1:12" s="5" customFormat="1" ht="14" x14ac:dyDescent="0.2">
      <c r="A225" s="5" t="s">
        <v>124</v>
      </c>
      <c r="G225" s="8"/>
      <c r="H225" s="8"/>
    </row>
    <row r="226" spans="1:12" s="5" customFormat="1" ht="14" x14ac:dyDescent="0.2">
      <c r="G226" s="8"/>
      <c r="H226" s="8"/>
    </row>
    <row r="227" spans="1:12" s="5" customFormat="1" ht="14" x14ac:dyDescent="0.2">
      <c r="A227" s="5" t="s">
        <v>146</v>
      </c>
      <c r="G227" s="5" t="s">
        <v>12</v>
      </c>
      <c r="H227" s="8" t="s">
        <v>13</v>
      </c>
      <c r="I227" s="8"/>
    </row>
    <row r="228" spans="1:12" s="5" customFormat="1" ht="14" x14ac:dyDescent="0.2">
      <c r="A228" s="5" t="s">
        <v>145</v>
      </c>
      <c r="G228" s="8"/>
      <c r="H228" s="8"/>
    </row>
    <row r="229" spans="1:12" ht="14" x14ac:dyDescent="0.2">
      <c r="K229" s="42"/>
      <c r="L229" s="42"/>
    </row>
    <row r="230" spans="1:12" s="5" customFormat="1" ht="14.25" customHeight="1" x14ac:dyDescent="0.2">
      <c r="A230" s="5" t="s">
        <v>96</v>
      </c>
    </row>
    <row r="231" spans="1:12" s="5" customFormat="1" ht="14.25" customHeight="1" x14ac:dyDescent="0.2"/>
    <row r="232" spans="1:12" s="5" customFormat="1" ht="14.25" customHeight="1" x14ac:dyDescent="0.2">
      <c r="A232" s="6" t="s">
        <v>97</v>
      </c>
      <c r="B232" s="43" t="s">
        <v>162</v>
      </c>
    </row>
    <row r="233" spans="1:12" s="5" customFormat="1" ht="14.25" customHeight="1" x14ac:dyDescent="0.2">
      <c r="A233" s="6" t="s">
        <v>97</v>
      </c>
      <c r="B233" s="43" t="s">
        <v>163</v>
      </c>
    </row>
    <row r="234" spans="1:12" s="5" customFormat="1" ht="14.25" customHeight="1" x14ac:dyDescent="0.2">
      <c r="A234" s="6" t="s">
        <v>99</v>
      </c>
      <c r="B234" s="5" t="s">
        <v>101</v>
      </c>
    </row>
    <row r="235" spans="1:12" s="5" customFormat="1" ht="14.25" customHeight="1" x14ac:dyDescent="0.2">
      <c r="A235" s="6" t="s">
        <v>97</v>
      </c>
      <c r="B235" s="5" t="s">
        <v>98</v>
      </c>
    </row>
    <row r="236" spans="1:12" s="5" customFormat="1" ht="14.25" customHeight="1" x14ac:dyDescent="0.2">
      <c r="A236" s="6" t="s">
        <v>99</v>
      </c>
      <c r="B236" s="5" t="s">
        <v>100</v>
      </c>
    </row>
    <row r="237" spans="1:12" s="5" customFormat="1" ht="14.25" customHeight="1" x14ac:dyDescent="0.2">
      <c r="A237" s="6" t="s">
        <v>97</v>
      </c>
      <c r="B237" s="5" t="s">
        <v>102</v>
      </c>
    </row>
    <row r="238" spans="1:12" s="5" customFormat="1" ht="14.25" customHeight="1" x14ac:dyDescent="0.2">
      <c r="A238" s="6" t="s">
        <v>97</v>
      </c>
      <c r="B238" s="5" t="s">
        <v>103</v>
      </c>
    </row>
    <row r="239" spans="1:12" s="5" customFormat="1" ht="14.25" customHeight="1" x14ac:dyDescent="0.2">
      <c r="A239" s="6" t="s">
        <v>99</v>
      </c>
      <c r="B239" s="5" t="s">
        <v>104</v>
      </c>
    </row>
    <row r="240" spans="1:12" s="5" customFormat="1" ht="14.25" customHeight="1" x14ac:dyDescent="0.2">
      <c r="A240" s="6" t="s">
        <v>99</v>
      </c>
      <c r="B240" s="5" t="s">
        <v>105</v>
      </c>
    </row>
    <row r="241" spans="1:12" s="5" customFormat="1" ht="14.25" customHeight="1" x14ac:dyDescent="0.2">
      <c r="A241" s="6" t="s">
        <v>97</v>
      </c>
      <c r="B241" s="5" t="s">
        <v>106</v>
      </c>
    </row>
    <row r="242" spans="1:12" s="5" customFormat="1" ht="14.25" customHeight="1" x14ac:dyDescent="0.2">
      <c r="A242" s="6" t="s">
        <v>97</v>
      </c>
      <c r="B242" s="5" t="s">
        <v>107</v>
      </c>
    </row>
    <row r="243" spans="1:12" ht="14" x14ac:dyDescent="0.2">
      <c r="K243" s="42"/>
      <c r="L243" s="42"/>
    </row>
    <row r="244" spans="1:12" s="5" customFormat="1" ht="14" x14ac:dyDescent="0.2">
      <c r="A244" s="5" t="s">
        <v>89</v>
      </c>
    </row>
    <row r="245" spans="1:12" ht="14" x14ac:dyDescent="0.2">
      <c r="A245" s="20"/>
      <c r="B245" s="20"/>
      <c r="C245" s="20"/>
      <c r="D245" s="20"/>
      <c r="E245" s="20"/>
      <c r="F245" s="20"/>
      <c r="G245" s="20"/>
      <c r="H245" s="20"/>
      <c r="I245" s="20"/>
      <c r="J245" s="20"/>
      <c r="K245" s="42"/>
      <c r="L245" s="42"/>
    </row>
    <row r="246" spans="1:12" ht="14" x14ac:dyDescent="0.2">
      <c r="A246" s="20"/>
      <c r="B246" s="20"/>
      <c r="C246" s="20"/>
      <c r="D246" s="20"/>
      <c r="E246" s="20"/>
      <c r="F246" s="20"/>
      <c r="G246" s="20"/>
      <c r="H246" s="20"/>
      <c r="I246" s="20"/>
      <c r="J246" s="20"/>
      <c r="K246" s="42"/>
      <c r="L246" s="42"/>
    </row>
    <row r="247" spans="1:12" ht="14" x14ac:dyDescent="0.2">
      <c r="A247" s="42"/>
      <c r="B247" s="42"/>
    </row>
  </sheetData>
  <mergeCells count="25">
    <mergeCell ref="A157:H157"/>
    <mergeCell ref="B183:E183"/>
    <mergeCell ref="C187:E187"/>
    <mergeCell ref="A80:E80"/>
    <mergeCell ref="A93:F93"/>
    <mergeCell ref="A95:F95"/>
    <mergeCell ref="A97:F97"/>
    <mergeCell ref="A99:F99"/>
    <mergeCell ref="A101:F101"/>
    <mergeCell ref="A105:E105"/>
    <mergeCell ref="A91:F91"/>
    <mergeCell ref="B200:E200"/>
    <mergeCell ref="G200:I200"/>
    <mergeCell ref="B188:B199"/>
    <mergeCell ref="C198:E198"/>
    <mergeCell ref="G183:I183"/>
    <mergeCell ref="C195:E195"/>
    <mergeCell ref="B184:B187"/>
    <mergeCell ref="C186:E186"/>
    <mergeCell ref="A1:J1"/>
    <mergeCell ref="A82:E82"/>
    <mergeCell ref="A84:F84"/>
    <mergeCell ref="A89:F89"/>
    <mergeCell ref="A86:F86"/>
    <mergeCell ref="F54:J54"/>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4" manualBreakCount="4">
    <brk id="57" max="16383" man="1"/>
    <brk id="112" max="9" man="1"/>
    <brk id="165" max="9" man="1"/>
    <brk id="222"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生活介護・共生型生活介護</vt:lpstr>
      <vt:lpstr>生活介護・共生型生活介護!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4-07-22T00:48:58Z</cp:lastPrinted>
  <dcterms:created xsi:type="dcterms:W3CDTF">1601-01-01T00:00:00Z</dcterms:created>
  <dcterms:modified xsi:type="dcterms:W3CDTF">2025-08-05T08:29:49Z</dcterms:modified>
  <cp:category/>
</cp:coreProperties>
</file>